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 defaultThemeVersion="124226"/>
  <bookViews>
    <workbookView xWindow="120" yWindow="120" windowWidth="28695" windowHeight="12525"/>
  </bookViews>
  <sheets>
    <sheet name="Недвижимое имущество" sheetId="2" r:id="rId1"/>
    <sheet name="Движимое имущество" sheetId="3" r:id="rId2"/>
    <sheet name="Дороги" sheetId="5" r:id="rId3"/>
  </sheets>
  <calcPr calcId="124519"/>
</workbook>
</file>

<file path=xl/sharedStrings.xml><?xml version="1.0" encoding="utf-8"?>
<sst xmlns="http://schemas.openxmlformats.org/spreadsheetml/2006/main" count="15812" uniqueCount="5307">
  <si>
    <t>№ п/п</t>
  </si>
  <si>
    <t>Наименование движимого имущества</t>
  </si>
  <si>
    <t>МУ "Большесельский молодежный центр"</t>
  </si>
  <si>
    <t>Телевизор Техно</t>
  </si>
  <si>
    <t>Монитор Acer</t>
  </si>
  <si>
    <t>Компьютер Intel (R)</t>
  </si>
  <si>
    <t>Экран Consul NTSC</t>
  </si>
  <si>
    <t>Усилитель Alto OEX-400S</t>
  </si>
  <si>
    <t>Акустическая система Alto OEX-400S</t>
  </si>
  <si>
    <t>Компьютерный комплекс в сборе</t>
  </si>
  <si>
    <t>Факс Panasonic KX-FT982RU-B</t>
  </si>
  <si>
    <t>Принтер/копир/сканер Canon i-SENSYS</t>
  </si>
  <si>
    <t>Компьютер</t>
  </si>
  <si>
    <t>Принтер/копир/сканер HP Laser Jet 1536 dnf MFP</t>
  </si>
  <si>
    <t>Персональный компьютер КНК Value</t>
  </si>
  <si>
    <t>Видеокамера Panasonic</t>
  </si>
  <si>
    <t>Компьютер SINTO</t>
  </si>
  <si>
    <t xml:space="preserve">ИБП  Ippon Back Power Pro 700 </t>
  </si>
  <si>
    <t>Электростанция цифровая Т1 2600</t>
  </si>
  <si>
    <t>Лазерный принтер/Копир/Факс LaserJet Pro M1212nf</t>
  </si>
  <si>
    <t>Компьютерный комплекс</t>
  </si>
  <si>
    <t>Принтер EPSON L300</t>
  </si>
  <si>
    <t>Переносной жёсткий диск TOSHIBA</t>
  </si>
  <si>
    <t>Устройство для прошивки документов ППК М168</t>
  </si>
  <si>
    <t>LCD/LED - Телевизор 40”- 42”Philips 40PFT4509/60</t>
  </si>
  <si>
    <t>LCD/LED Телевизор 15”- 30” Philips 20PHH4109/60</t>
  </si>
  <si>
    <t>Ноутбук HP Compag Presario CO58-D56sr</t>
  </si>
  <si>
    <t>Проектор INFOCUS IN124</t>
  </si>
  <si>
    <t>Лазерное многофункциональное устройство Drother DCP-8110DN</t>
  </si>
  <si>
    <t>Насос фекальный погружной ДЖИЛЕКС</t>
  </si>
  <si>
    <t>Микро-система Hi-Fi LG CM2460</t>
  </si>
  <si>
    <t>Компьютер IRU City 719.Intel Core i7 6700.DDR4 8Гб. 1Тб. Intel HD Graphics 530</t>
  </si>
  <si>
    <t>Многофункциональное устройство Panasonic KX-МВ2000КГ-И (сеть, 24ст/м)</t>
  </si>
  <si>
    <t>Звуко-усилительный комплект AUDIO USK 12A USB"</t>
  </si>
  <si>
    <t>Компьютер In-Win</t>
  </si>
  <si>
    <t>Фотоаппарат Canon EOS 200D EF-S 18-55 IS STM Kit Silver</t>
  </si>
  <si>
    <t>Вешалка напольная 2-сторонняя 18 мест</t>
  </si>
  <si>
    <t>Шкаф широкий полуоткрытый</t>
  </si>
  <si>
    <t>НС-62 стол «Ромашка» (3 половинки) на рег.ножках</t>
  </si>
  <si>
    <t>Доска 1элементная магнитно-меловая</t>
  </si>
  <si>
    <t>Стеллаж Гаврош СБ-664 Бар Ольха</t>
  </si>
  <si>
    <t>Стол компьютерный АСТЕРИКС СБ-504 М</t>
  </si>
  <si>
    <t>Стеллаж «Линда-В»</t>
  </si>
  <si>
    <t>Стол компьютерный А-80 серый-антрацит</t>
  </si>
  <si>
    <t>Диван «Малютка»</t>
  </si>
  <si>
    <t>Стол для совещаний</t>
  </si>
  <si>
    <t>Стол эргономичный правый АЭП-04</t>
  </si>
  <si>
    <t>Стремянка алюминевая 10 ступеней</t>
  </si>
  <si>
    <t>Шкаф универсал ольха</t>
  </si>
  <si>
    <t>Стол эргономичный правый ольха</t>
  </si>
  <si>
    <t>Стол эргономичный левый ольха</t>
  </si>
  <si>
    <t>Тумба приставная с 3-мя ящиками ольха</t>
  </si>
  <si>
    <t>Стол рабочий (левый) бук АЭП-04</t>
  </si>
  <si>
    <t>Угловой сухой бассейн 135х135х30х15+500шариков 0009/500</t>
  </si>
  <si>
    <t>Спортивно-игровой набор №3 (36элементов) ИВ-104</t>
  </si>
  <si>
    <t>Ширма для кукольного театра трёхсекционная Д-145</t>
  </si>
  <si>
    <t>Стенка гимнастическая  (08*2,8) 13 перекладин ФХ 18</t>
  </si>
  <si>
    <t>Горка пластиковая</t>
  </si>
  <si>
    <t>Комплект туристического снаряжения (3 палатки, 12 спальных мешков, 12 тур.ковриков)</t>
  </si>
  <si>
    <t>Модель массогабаритная автомата АК-74</t>
  </si>
  <si>
    <t>Модель массогабаритная автомата АК-74-2</t>
  </si>
  <si>
    <t>Пневматическая винтовка ИЖ МР-512-24</t>
  </si>
  <si>
    <t xml:space="preserve">Шкаф хозяйственный </t>
  </si>
  <si>
    <t>Шкаф для раздевалок</t>
  </si>
  <si>
    <t>Офисная табличка</t>
  </si>
  <si>
    <t>Стенд</t>
  </si>
  <si>
    <t xml:space="preserve"> Металлическая мебель MZ_МКФ 18614-2.0 стеллаж груз. 4 полки 1830х610х2000</t>
  </si>
  <si>
    <t>Металлическая мебель ПРАКТИК MS стеллаж 6 полок 1000x600x2000</t>
  </si>
  <si>
    <t>Сейф  Мн ОШН-3 шкаф оруж., 3  ствола, ключ.замок</t>
  </si>
  <si>
    <t>Пневматическая винтовка ИЖ МР-512С</t>
  </si>
  <si>
    <t>Модель массогабаритная АК-74</t>
  </si>
  <si>
    <t>Звуковая система портативная BENRINGER EUROPORT RPS500MP3</t>
  </si>
  <si>
    <t>Генератор бензиновый портативный Калибр БЭГ-3011</t>
  </si>
  <si>
    <t>Игровой набор Дары Фребеля</t>
  </si>
  <si>
    <t>Компьютер Celeron</t>
  </si>
  <si>
    <t>МУ "Архив Большесельского муниципального района"</t>
  </si>
  <si>
    <t>Принтер НР LJ 1100</t>
  </si>
  <si>
    <t>Монитор 17 " Proview UK - 713 Silver ТFТ</t>
  </si>
  <si>
    <t>МФУ МР 100 S</t>
  </si>
  <si>
    <t>Принтер Xerox Phaser 3125</t>
  </si>
  <si>
    <t>Системный администратор</t>
  </si>
  <si>
    <t>Факс Panasonik KX-FP218 RU</t>
  </si>
  <si>
    <t>Системный блок</t>
  </si>
  <si>
    <t>Цифровое МФУ формата А3  SHARP AR-5618</t>
  </si>
  <si>
    <t>Лазерный принтер HP LJ P1606DN</t>
  </si>
  <si>
    <t>Компьютер I-R-U, Intel Core i5 4460</t>
  </si>
  <si>
    <t>Факсимильный аппарат PANASONI KX-FC965RU-T</t>
  </si>
  <si>
    <t>МФУ HP Laserjet Pro M125ra RU</t>
  </si>
  <si>
    <t>Кондиционер полупромышленный  BLC_/in-36H_N1/BCL_Oout-36HN1_17Y</t>
  </si>
  <si>
    <t>Шкаф 2-х секционный</t>
  </si>
  <si>
    <t>Жалюзи вертикальные</t>
  </si>
  <si>
    <t>Шкаф для раздевалок  ПРАКТИК LS-21-80 двухдверный,серый 813х1830х500 мм</t>
  </si>
  <si>
    <t>Шкаф архивный  ПРАКТИК М-18,двухдверный,4 полки,915х1830х370 мм</t>
  </si>
  <si>
    <t>Шкаф архивный NOBILIS NM-1991/2G,со стекл.дверьми, 2 отделения, 4 полки</t>
  </si>
  <si>
    <t>Тумба под оргтехнику</t>
  </si>
  <si>
    <t>Кресло СН-626, ткань серо-бежевый ромбик</t>
  </si>
  <si>
    <t>Стол приставной 180*100*75Н</t>
  </si>
  <si>
    <t>Компьютер IW ATX Ci3 4170 iH81</t>
  </si>
  <si>
    <t>МАУ "Редакция газеты "Большесельские вести"</t>
  </si>
  <si>
    <t>Принтер лаз.</t>
  </si>
  <si>
    <t>Компьютер (модерн.)</t>
  </si>
  <si>
    <t>Фотоаппарат</t>
  </si>
  <si>
    <t>Фотокамера</t>
  </si>
  <si>
    <t>Компьютер IW ATX C2D E2160 i5 760 iH55/ 4096Mb/1000Gb/ GTS450 22" TFT / DVD+-CR/ KM</t>
  </si>
  <si>
    <t>Фотоаппарат Canon DSLR EOS 5500 Kit EF-S 18-55 IS</t>
  </si>
  <si>
    <t>Компьютер IW ATX Ci3 3220 iH61 / 4096Mb/ 500Gb/ GT210 21.5" / DUDRW / KM</t>
  </si>
  <si>
    <t>Принтер Samsung 2040028</t>
  </si>
  <si>
    <t>Принтер Canon (2040054) МФУ i-Sensys MF4018(1483B065) 3-in-1 апр.2008</t>
  </si>
  <si>
    <t>Факс Panasonic</t>
  </si>
  <si>
    <t>Автомобиль ВАЗ 2106</t>
  </si>
  <si>
    <t>Зеркальный фотоаппарат Nikon D5300 черный</t>
  </si>
  <si>
    <t>Стол, 2 шт.</t>
  </si>
  <si>
    <t>Набор мебели</t>
  </si>
  <si>
    <t>Кресло Бюрократ</t>
  </si>
  <si>
    <t>Кресло Тайпит</t>
  </si>
  <si>
    <t>Шкаф</t>
  </si>
  <si>
    <t>МУ "Комплексный центр социального обслуживания населения"</t>
  </si>
  <si>
    <t>Аппарат "Алмаг"</t>
  </si>
  <si>
    <t>Аппарат "Рикта Эсмил 1"</t>
  </si>
  <si>
    <t>Велотренажер</t>
  </si>
  <si>
    <t>Весы медицинские РП-15</t>
  </si>
  <si>
    <t>Весы настольные электронные ВР-04 МС</t>
  </si>
  <si>
    <t>Швейная машинка Brother Comfort 40E</t>
  </si>
  <si>
    <t>Вибромассажер "Томолюкс"</t>
  </si>
  <si>
    <t>Видео проигрыватель (с караоке)</t>
  </si>
  <si>
    <t>Водонагреватель</t>
  </si>
  <si>
    <t>Принтер МФУ НР Laser Jet Pro  М 125 rnw (CZ178A)</t>
  </si>
  <si>
    <t>Домашний кинотеатр</t>
  </si>
  <si>
    <t>Дорожка беговая</t>
  </si>
  <si>
    <t>Источник беспер питания</t>
  </si>
  <si>
    <t>Источник бесперебойного питания</t>
  </si>
  <si>
    <t>Компьютер  TFT 19 Ben</t>
  </si>
  <si>
    <t>Компьютер "Самсунг"</t>
  </si>
  <si>
    <t>Компьютер ACER</t>
  </si>
  <si>
    <t>Компьютер ACER 2012</t>
  </si>
  <si>
    <t>Компьютер Beng G950 A</t>
  </si>
  <si>
    <t>Компьютер TFT 19 ACER V193</t>
  </si>
  <si>
    <t>Компьютер TFT-19</t>
  </si>
  <si>
    <t>Компьютер TFT 19 ACER V193HQb</t>
  </si>
  <si>
    <t>Компьютер TFT 19 BenQ E900 blak 5ms DVI M/M Senseye</t>
  </si>
  <si>
    <t>Компьютер TFT 19 BenQ FP93GX</t>
  </si>
  <si>
    <t>Компьютер TFT 19 BenQ GL940M LED</t>
  </si>
  <si>
    <t>Компьютер UFO Station 82997</t>
  </si>
  <si>
    <t>Компьютер VX 912</t>
  </si>
  <si>
    <t>Компьютер Самсунг</t>
  </si>
  <si>
    <t>Компьютер Формоза</t>
  </si>
  <si>
    <t>Конвектор электрический</t>
  </si>
  <si>
    <t>Контрольно-кассовая машина ШТРИХ-МИНИ-ФР-К версия 01</t>
  </si>
  <si>
    <t>Копир Canon</t>
  </si>
  <si>
    <t>Копир Canon FC-108</t>
  </si>
  <si>
    <t>Копир-принтер-сканер НР LASER JET M1132</t>
  </si>
  <si>
    <t>Копировальный аппарат</t>
  </si>
  <si>
    <t>Котел пищеварочный КПЭ-60-1</t>
  </si>
  <si>
    <t>Массажная накидка RestArt N-078 (RT-2120)</t>
  </si>
  <si>
    <t>Матрац двуспальный</t>
  </si>
  <si>
    <t>Матрац противопролежневый</t>
  </si>
  <si>
    <t>Мобильный телефон</t>
  </si>
  <si>
    <t>Мотопомпа SE-50х</t>
  </si>
  <si>
    <t>Мотопомпа ПТЖ - 208</t>
  </si>
  <si>
    <t>Музыкальный центр LCLX-M345</t>
  </si>
  <si>
    <t>Облучатель рециркулятор бактерицидный передвижной</t>
  </si>
  <si>
    <t>Обогреватель АТН-2200</t>
  </si>
  <si>
    <t>Обогреватель крнвектор</t>
  </si>
  <si>
    <t>Перфоратор Интерскол П-26/800</t>
  </si>
  <si>
    <t>Плита электрическая</t>
  </si>
  <si>
    <t>Плита Электрическая 4-х конф</t>
  </si>
  <si>
    <t>Прибор S-60 переплетная машина</t>
  </si>
  <si>
    <t>Компьютер AMD A10-5800</t>
  </si>
  <si>
    <t>Принтер Canon  лазерный</t>
  </si>
  <si>
    <t>Принтер Canon i-SENSYS MF 4018</t>
  </si>
  <si>
    <t>Принтер Canon i-SENSYS MF 4018 лазерный</t>
  </si>
  <si>
    <t>Принтер Canon i-SENSYS MF 4120</t>
  </si>
  <si>
    <t>Принтер Canon</t>
  </si>
  <si>
    <t>Принтер Саnon LBP-7110 СW</t>
  </si>
  <si>
    <t>Принтер HP Laser Jet  Р2055dn</t>
  </si>
  <si>
    <t>Швейная машина Janome 2015</t>
  </si>
  <si>
    <t>Принтер HP Laser Jet 101</t>
  </si>
  <si>
    <t>ПринтерНР LASER JET PRO M401D</t>
  </si>
  <si>
    <t>Принтер HP LaserJet  P2015d</t>
  </si>
  <si>
    <t>Принтер SCХ - 4100</t>
  </si>
  <si>
    <t>Принтер Лазер 1015</t>
  </si>
  <si>
    <t xml:space="preserve">Противопролежная система Селена HE 77200 </t>
  </si>
  <si>
    <t>Самоспасатель СПИ-20</t>
  </si>
  <si>
    <t>Стиральная машина</t>
  </si>
  <si>
    <t>Телевизор LG 21 Q 92</t>
  </si>
  <si>
    <t>Телевизор TOSIBA 32AV833R</t>
  </si>
  <si>
    <t>Телевизор Самсунг</t>
  </si>
  <si>
    <t>Тренажер учебный гребной</t>
  </si>
  <si>
    <t>Факс Panasonik KX-FC228RU-T</t>
  </si>
  <si>
    <t>Генератор</t>
  </si>
  <si>
    <t>Шведская стенка</t>
  </si>
  <si>
    <t>Шкаф 2-х створчатый с антресолью</t>
  </si>
  <si>
    <t>Электроводонагреватель Ока</t>
  </si>
  <si>
    <t>Аппарат Рикта-04/4 Т</t>
  </si>
  <si>
    <t>Весы   CAS</t>
  </si>
  <si>
    <t>Весы механические</t>
  </si>
  <si>
    <t>Весы РП 100 Ш</t>
  </si>
  <si>
    <t>ИБП Ippon Office</t>
  </si>
  <si>
    <t>Комплект спутникового телевидения</t>
  </si>
  <si>
    <t>Компьютер AMD</t>
  </si>
  <si>
    <t>Музыкальный центр SAMSUNG MAX-G55R</t>
  </si>
  <si>
    <t>Ножницы Sterling 5</t>
  </si>
  <si>
    <t>Ножницы Sterling E5</t>
  </si>
  <si>
    <t>Принтер HP Laser 1018</t>
  </si>
  <si>
    <t>Радиотелефон Panasonnik</t>
  </si>
  <si>
    <t xml:space="preserve">Рециркулятор РВБ-60 (Х) </t>
  </si>
  <si>
    <t>Тележка прарикмахерская черная ТО-1</t>
  </si>
  <si>
    <t>Факсимильный аппарат Pfnasonic</t>
  </si>
  <si>
    <t>Компьютер Depo Neos</t>
  </si>
  <si>
    <t>Копир-принтер-сканер НР LASER JET M1536 dnf</t>
  </si>
  <si>
    <t>Пандус 3-х секционный</t>
  </si>
  <si>
    <t>Устройство для подшивки документов ППК М 168</t>
  </si>
  <si>
    <t>Холодильник INDESIT SB 200</t>
  </si>
  <si>
    <t>Весы ВЭМЭН-150</t>
  </si>
  <si>
    <t>Облучатель ОБН-150 (2 лампы)</t>
  </si>
  <si>
    <t>Телевизор LG 42LS345</t>
  </si>
  <si>
    <t>Телевизор LED-BBK 28LEM-3002/T2C DVB-T2 USB (40890)</t>
  </si>
  <si>
    <t>Копир-принтер-сканер HP Laser Jet M1536dnf</t>
  </si>
  <si>
    <t>Компьютер AMD A8-5600</t>
  </si>
  <si>
    <t>Мобильная система перемещения малопод. групп населения (Ступенька ХОД)</t>
  </si>
  <si>
    <r>
      <t xml:space="preserve">Музыкальный центр LD DM 2520 K
</t>
    </r>
    <r>
      <rPr>
        <sz val="12"/>
        <rFont val="Arial"/>
        <family val="1"/>
        <charset val="1"/>
      </rPr>
      <t/>
    </r>
  </si>
  <si>
    <t>Настенный информационный терминал с сенсорным экраном 27 дюймов</t>
  </si>
  <si>
    <t xml:space="preserve">Компьютер в сборе НР Рrо 3500 МТ Сеl G 1620/4 Gb/500   </t>
  </si>
  <si>
    <t>Подъемник для инвалидов передвижной ШИ 1-2, гидравлич. привод с мягким сиденьем</t>
  </si>
  <si>
    <t>Принтер МФУ HP Laser Jet Pro M 225 rdn</t>
  </si>
  <si>
    <t>Компьютер в комплекте 3Cott2360/MSIH81M P33/G3240/4GB/500GBSAT A/DVDRW/KB/M/19.5</t>
  </si>
  <si>
    <t>МФУ HP LaserJet Pro M225 rdn</t>
  </si>
  <si>
    <t>Ножницы Pastel  5,5</t>
  </si>
  <si>
    <t>Серверная платформа ASUS TS110-E8-PI4</t>
  </si>
  <si>
    <t>ККМ «ЭЛВЕС-МФ» R без ФН</t>
  </si>
  <si>
    <t>Тонометр Omron M2 Basic адаптер</t>
  </si>
  <si>
    <t>Фискальный регистратор ШТРИХ-ON-LINE</t>
  </si>
  <si>
    <t>Мнемосхема тактильная</t>
  </si>
  <si>
    <t>Принтер МФУ НР Laser Jet Pro M 227</t>
  </si>
  <si>
    <t>Ксерокс МФУ Лазерное</t>
  </si>
  <si>
    <t>Персональный компьютер G4400/H110M/4Gb/500Gb/ATX450W/21.5 Acer/клав+мышь</t>
  </si>
  <si>
    <t>Автомобиль 217030 LADA PRIORA</t>
  </si>
  <si>
    <t>Автомобиль ГАЗ 322132</t>
  </si>
  <si>
    <t>Передвижной соц. комплекс на базе ПАЗ-32053</t>
  </si>
  <si>
    <t>Кресло-коляска прогулочная прокат</t>
  </si>
  <si>
    <t>Рабочий туалет "Элеганс"</t>
  </si>
  <si>
    <t>Аппарат газосварочный</t>
  </si>
  <si>
    <t>Банкетка без спинки МСК 207</t>
  </si>
  <si>
    <t>Водонагреватель OSO RTC стандарт 300 л</t>
  </si>
  <si>
    <t>Диван-кровать</t>
  </si>
  <si>
    <t>Дорожка беговая Атеми АТ-205</t>
  </si>
  <si>
    <t>Жалюзи</t>
  </si>
  <si>
    <t>Картина "Животные" 132" 150х70</t>
  </si>
  <si>
    <t>Картина "Пейзажи" 10" 150х70</t>
  </si>
  <si>
    <t>Картина "Пейзажи" 15" 150х80</t>
  </si>
  <si>
    <t>Картина "Природа" 18" 150х50</t>
  </si>
  <si>
    <t>Картина "Природа" 61" 150х60</t>
  </si>
  <si>
    <t>Картофелечистка МОК -150</t>
  </si>
  <si>
    <t>Комплект мягкой мебели</t>
  </si>
  <si>
    <t>Контейнер для мусора</t>
  </si>
  <si>
    <t>Коса БК-1250</t>
  </si>
  <si>
    <t>Котел пищеварочный</t>
  </si>
  <si>
    <t>Кресло</t>
  </si>
  <si>
    <t>Кресло- качалка</t>
  </si>
  <si>
    <t>Кресло-качалка</t>
  </si>
  <si>
    <t>Кровать медицинская 2-х секц КФ2-01-МСК-102</t>
  </si>
  <si>
    <t>Кровать на металическом каркасе</t>
  </si>
  <si>
    <t>Кровать на металическом каркасе К-С1</t>
  </si>
  <si>
    <t>Кушетка смотровая</t>
  </si>
  <si>
    <t>Массажный пояс МК-702 пункт пр</t>
  </si>
  <si>
    <t>Матрац НПВ-4,23</t>
  </si>
  <si>
    <t>Морозильник бытовой Бирюса</t>
  </si>
  <si>
    <t>Морозильник бытовой Смоленск</t>
  </si>
  <si>
    <t>Мясорубка М-75</t>
  </si>
  <si>
    <t>Набор корпусной мебели</t>
  </si>
  <si>
    <t>Набор мягкой мебели</t>
  </si>
  <si>
    <t>Многофункциональный комплекс для разв двиг функций "ДОН"</t>
  </si>
  <si>
    <t>Набор прихожей</t>
  </si>
  <si>
    <t>Настольная информационная система</t>
  </si>
  <si>
    <t xml:space="preserve">Сиденье для ванны 10410 </t>
  </si>
  <si>
    <t>Стелаж</t>
  </si>
  <si>
    <t>Стелаж ЭЛБИ-143</t>
  </si>
  <si>
    <t>Стеллаж металический</t>
  </si>
  <si>
    <t>Стеллаж С-3  груша</t>
  </si>
  <si>
    <t>Стеллаж С-3 темная груша</t>
  </si>
  <si>
    <t>Стеллаж угловой средний 38х38х120Н</t>
  </si>
  <si>
    <t>Стенка "Арка"</t>
  </si>
  <si>
    <t>Стиральная машина INDESIT</t>
  </si>
  <si>
    <t>Стиральная машина автомат LG</t>
  </si>
  <si>
    <t>Стиральная машина Горени ВА 61081</t>
  </si>
  <si>
    <t>Стол вахтера</t>
  </si>
  <si>
    <t>Стол для компьютера с наставкой</t>
  </si>
  <si>
    <t>Стол для компьютера С-4768</t>
  </si>
  <si>
    <t>Стол для компьютера Т8 Алмаз</t>
  </si>
  <si>
    <t>Стол для оснащения кабинета врача  СКВ-1 однотумбовый</t>
  </si>
  <si>
    <t xml:space="preserve">Стол журнальный </t>
  </si>
  <si>
    <t>Стол компьютерный</t>
  </si>
  <si>
    <t>Стол кухонный рабочий</t>
  </si>
  <si>
    <t>Стол медицинский СММП-08-Я-ФП мод.01 тип 5</t>
  </si>
  <si>
    <t>Стол медицинский СММП-08-Я-ФП мод.01 тип 6</t>
  </si>
  <si>
    <t>Стол на металлическом каркасе</t>
  </si>
  <si>
    <t>Стол обеденный</t>
  </si>
  <si>
    <t>Стол письменный</t>
  </si>
  <si>
    <t>Стол письменный 2-х тумбовый</t>
  </si>
  <si>
    <t>Стол письменный ЛДСП</t>
  </si>
  <si>
    <t>Стол письменный однотумбовый</t>
  </si>
  <si>
    <t>Стол СП-06</t>
  </si>
  <si>
    <t>Столик "Неон-2"</t>
  </si>
  <si>
    <t>Сумка медицинская универсальная</t>
  </si>
  <si>
    <t xml:space="preserve">Сухой бассейн угл 140х40 </t>
  </si>
  <si>
    <t>Тактильная дорожка прямая 8 эл (49х*3,5*71)</t>
  </si>
  <si>
    <t>Триммер бензиновый</t>
  </si>
  <si>
    <t xml:space="preserve">Тумба под телевидеоаппаратуру </t>
  </si>
  <si>
    <t>Тумба раздаточная ЛДСП</t>
  </si>
  <si>
    <t>Фонтан</t>
  </si>
  <si>
    <t>Холодильник Атлант 4010</t>
  </si>
  <si>
    <t>Холодильник бытовой ДОН 446</t>
  </si>
  <si>
    <t>Холодильник Саратов</t>
  </si>
  <si>
    <t>Холодильник Саратов модель 105</t>
  </si>
  <si>
    <t>Холодильник Саратов модель 451</t>
  </si>
  <si>
    <t>Часы настенные (большые)</t>
  </si>
  <si>
    <t>Машинка MOSER ChStakk/сет</t>
  </si>
  <si>
    <t xml:space="preserve">Автохолодильник EZETIL E32M </t>
  </si>
  <si>
    <t>Шкаф "Арка"</t>
  </si>
  <si>
    <t>Шкаф бук</t>
  </si>
  <si>
    <t>Шкаф 2-х створчатый ЛДСП</t>
  </si>
  <si>
    <t>Шкаф 3-х створчатый</t>
  </si>
  <si>
    <t>Шкаф высокий с двумя фасадами 74х38х194Н</t>
  </si>
  <si>
    <t xml:space="preserve">Шкаф высокий с низкими фасадами </t>
  </si>
  <si>
    <t>Шкаф высокий с низкими фасадами 74х38х194Н</t>
  </si>
  <si>
    <t>Шкаф высокий с фасадами и стеклом 74х38х194Н</t>
  </si>
  <si>
    <t>Шкаф гардероб 74х38х194Н</t>
  </si>
  <si>
    <t>Шкаф гардероб глубокий 74х58х194Н</t>
  </si>
  <si>
    <t>Шкаф гардеробный глубокий 74х58х194 Н</t>
  </si>
  <si>
    <t>Шкаф для хранения  уборочного инвентаря</t>
  </si>
  <si>
    <t>Шкаф для документов</t>
  </si>
  <si>
    <t>Шкаф для одежды</t>
  </si>
  <si>
    <t>Шкаф для одежды 2-х створчатый</t>
  </si>
  <si>
    <t>Шкаф для посуды</t>
  </si>
  <si>
    <t>Шкаф мед. 2-х створчатый ШМ-02-МСК</t>
  </si>
  <si>
    <t>Шкаф медицинский металический</t>
  </si>
  <si>
    <t>Шкаф медицинский</t>
  </si>
  <si>
    <t xml:space="preserve">Шкаф медицинский </t>
  </si>
  <si>
    <t>Шкаф металический несгораемый</t>
  </si>
  <si>
    <t>Шкаф пенал</t>
  </si>
  <si>
    <t>Шкаф с прозрачным стеклом 900*380*1940Н</t>
  </si>
  <si>
    <t>Шкаф средний со стеклом 74х38х120Н</t>
  </si>
  <si>
    <t>Шкаф холодильный ШХН-04</t>
  </si>
  <si>
    <t xml:space="preserve">Шкаф ШО  </t>
  </si>
  <si>
    <t>Шкаф ШО 6 шт</t>
  </si>
  <si>
    <t>Шкаф ШО 23</t>
  </si>
  <si>
    <t>Электрокипятильник КНЭ-100М-2</t>
  </si>
  <si>
    <t>Электроплита</t>
  </si>
  <si>
    <t xml:space="preserve">Водонагреватель ОSО 200 </t>
  </si>
  <si>
    <t>Воздухоочиститель Aircomfort</t>
  </si>
  <si>
    <t>Завеса тепловая</t>
  </si>
  <si>
    <t>Комод БУК Ф Симба СР-</t>
  </si>
  <si>
    <t>Кресло офисное Авангард</t>
  </si>
  <si>
    <t>Кресло-туалет</t>
  </si>
  <si>
    <t>Кресло TetChair NEO1 комби (черн+бордо)</t>
  </si>
  <si>
    <t>Секция 3-+х местная "Трио"</t>
  </si>
  <si>
    <t>Стенд информационный с карманами</t>
  </si>
  <si>
    <t>Пылесос LAVOR NILO</t>
  </si>
  <si>
    <t>Стол Логика-2</t>
  </si>
  <si>
    <t>Стол криволинейный А-202</t>
  </si>
  <si>
    <t>Стол ольха Гаврош</t>
  </si>
  <si>
    <t>Телевизор Самсунг  CS 21750Z3Q</t>
  </si>
  <si>
    <t>Термос профессиональный</t>
  </si>
  <si>
    <t>Тумба подкатная АТ-04</t>
  </si>
  <si>
    <t>Тумба туалетная</t>
  </si>
  <si>
    <t>Холодильник бытовой "Смоленск-417-1"</t>
  </si>
  <si>
    <t>Холодильник бытовой Саратов-263</t>
  </si>
  <si>
    <t>Холодильник</t>
  </si>
  <si>
    <t>Шкаф ШК-01 ольха русская</t>
  </si>
  <si>
    <t>Шкаф ШО-23</t>
  </si>
  <si>
    <t>Пузырьковая колонна Стелла</t>
  </si>
  <si>
    <t>Кресло-коляска инвалидная</t>
  </si>
  <si>
    <t>Шкаф металический несгораемый SL-150T</t>
  </si>
  <si>
    <t>Шкаф металический несгораемый SL-185</t>
  </si>
  <si>
    <t>Cтелаж 800х400х2200Н ольха темная</t>
  </si>
  <si>
    <t>Стол угловой Алекс орех правый</t>
  </si>
  <si>
    <t>Стол угловой Алекс орех левый</t>
  </si>
  <si>
    <t>Шкаф металический несгораемый  SL-150T</t>
  </si>
  <si>
    <t>Кресло  "LIDER" (экокожа,черный)</t>
  </si>
  <si>
    <t>Тележка для мячей</t>
  </si>
  <si>
    <t>Стелаж "Симба" С-08 бук</t>
  </si>
  <si>
    <t>Комбайн KENWOOD KM 289</t>
  </si>
  <si>
    <t>Активно пассивный тренажер ОКСИЦИКЛ-3</t>
  </si>
  <si>
    <t>Диван-кровать "Кардинал №17"</t>
  </si>
  <si>
    <t xml:space="preserve">Сумка медицинская СМУ-01 набора фельдшерского НФСМП </t>
  </si>
  <si>
    <t>Стеллаж металлический</t>
  </si>
  <si>
    <t>Шкаф 2-х створчатый с нишей ЛДСП 84*30*171</t>
  </si>
  <si>
    <t>Холодильник LG GA- B489YMQZ</t>
  </si>
  <si>
    <t>Водонагреватель электрический Гарантерм GTR 100V нерж</t>
  </si>
  <si>
    <t>Облучатель-рециркулятор Дезар</t>
  </si>
  <si>
    <t>Облучатель-рециркулятор СН-211-115</t>
  </si>
  <si>
    <t>Стол для швейного оборудования Комфорт 1 БУК</t>
  </si>
  <si>
    <t>Плойка с терморегулятором 19мм титан+турмалин</t>
  </si>
  <si>
    <t>Перфоратор Makita HR 2450</t>
  </si>
  <si>
    <t>Дрель аккум. Калибр Да-514,4/2</t>
  </si>
  <si>
    <t>Ель искусственная (голубая)</t>
  </si>
  <si>
    <t>Машинка для стрижки MOSER</t>
  </si>
  <si>
    <t>Стремянка стальная 7 ступеней</t>
  </si>
  <si>
    <t>Спецтара для отработанных ртутных ламп</t>
  </si>
  <si>
    <t>Термос-чайник ID-60TPS</t>
  </si>
  <si>
    <t>Морозильник Атлант</t>
  </si>
  <si>
    <t>Полка настенная (сушилка) для посуды нерж. (940х320х720)</t>
  </si>
  <si>
    <t>Стенд информационный</t>
  </si>
  <si>
    <t>Стенд информационный в багетной рамке</t>
  </si>
  <si>
    <t>Диван-книжка Ника Люкс</t>
  </si>
  <si>
    <t>Холодильник Саратов 549 116,8*48*60 155л</t>
  </si>
  <si>
    <t>Утюг с парогенератором MIE Stiro 1100 Inox</t>
  </si>
  <si>
    <t>Компьютер в сборе DIMM</t>
  </si>
  <si>
    <t>МУ "Управление образования администрации Большесельского муниципального района</t>
  </si>
  <si>
    <t>Програмно технческий комплекс ООО "Стандарт безопасности"</t>
  </si>
  <si>
    <t>Epson Expression Home XP-103</t>
  </si>
  <si>
    <t>Брошюровочная  машина PROFIO FFICE</t>
  </si>
  <si>
    <t>Компьютер в сборе</t>
  </si>
  <si>
    <t xml:space="preserve">Лазерный принтер Samsunq ML-1615 (16стр/мин,8Mb.600*600.USB2.0)                                                                                       </t>
  </si>
  <si>
    <t>Набор картриджей д/принтера</t>
  </si>
  <si>
    <t>Ноутбук "Самсунг"</t>
  </si>
  <si>
    <t>Принтер Epson Stylus</t>
  </si>
  <si>
    <t>Факс PANASONIK KX-FT984RU-B</t>
  </si>
  <si>
    <t>Факс Sharp F0-55</t>
  </si>
  <si>
    <t>Фотопринтер Canon SELPHY CP -750</t>
  </si>
  <si>
    <t>Модем</t>
  </si>
  <si>
    <t>Принтер</t>
  </si>
  <si>
    <t>Принтер Brother  MFC-7420R</t>
  </si>
  <si>
    <t>Принтер HP Laseriet 1018 USB 2.0/CB 419A/A4</t>
  </si>
  <si>
    <t>Цифровой фотоаппарат</t>
  </si>
  <si>
    <t>Ц.в/камера SONY DCR-SX63ES</t>
  </si>
  <si>
    <t>Принтер лазерный цветной</t>
  </si>
  <si>
    <t>МФУ Canoni Sensys</t>
  </si>
  <si>
    <t>Принтер  Canoni</t>
  </si>
  <si>
    <t>hp ScanJet G2410</t>
  </si>
  <si>
    <t>Мультимедиа-проектор Acer X113</t>
  </si>
  <si>
    <t>Экран LUMIEN</t>
  </si>
  <si>
    <t>Факсимильный аппарат</t>
  </si>
  <si>
    <t>МФУ с лазерной печатью</t>
  </si>
  <si>
    <t>МФУ со струйной печатью EPSON L210</t>
  </si>
  <si>
    <t>Ноутбук  LENOVO</t>
  </si>
  <si>
    <t>Телефон optiPoint 500 standart (arctic)</t>
  </si>
  <si>
    <t>Ноутбук ACER Extensa</t>
  </si>
  <si>
    <t>Источник бесперебойного питания IPPON</t>
  </si>
  <si>
    <t>MФУ HP LaserJet Pro M426fdn RU</t>
  </si>
  <si>
    <t>Уничтожитель документов Fellower Power Shred P – 28S</t>
  </si>
  <si>
    <t>МФУ лазерный SAMSUNG SL-M2070</t>
  </si>
  <si>
    <t>Сплит-система LS – HO9KPA2</t>
  </si>
  <si>
    <t>Тонер картридж</t>
  </si>
  <si>
    <t>МФУ Canon i sensys</t>
  </si>
  <si>
    <t>Шкаф гардероб угловой</t>
  </si>
  <si>
    <t>Шкаф для документов тонир.стекла</t>
  </si>
  <si>
    <t>Колонка угловая</t>
  </si>
  <si>
    <t>Кресло детское</t>
  </si>
  <si>
    <t>Кресло Верона</t>
  </si>
  <si>
    <t>Джокерная конструкция</t>
  </si>
  <si>
    <t>Офисное кресло СН-684 цв.черный</t>
  </si>
  <si>
    <t>стол эргономичн.</t>
  </si>
  <si>
    <t>Шкаф выс.узк. с двумя фас.</t>
  </si>
  <si>
    <t>Стол эргономический с полкой</t>
  </si>
  <si>
    <t>Стол рабочий с полкой под клавиатуру</t>
  </si>
  <si>
    <t>Шкаф с 4- мя ящиками и 4-мя полками</t>
  </si>
  <si>
    <t>Шкаф с 4-мя ящиками и 4- мя полками</t>
  </si>
  <si>
    <t>Стол для заседаний</t>
  </si>
  <si>
    <t>Тумба приставная</t>
  </si>
  <si>
    <t>Тумба подкатная с 3-мя ящиками</t>
  </si>
  <si>
    <t>Стол 160*60*75</t>
  </si>
  <si>
    <t>Стенка кабинетная</t>
  </si>
  <si>
    <t>Настольная демосистема</t>
  </si>
  <si>
    <t>Стенд "Наш дом"</t>
  </si>
  <si>
    <t>Стол угловой  1500 х 900 х 750</t>
  </si>
  <si>
    <t>Шкаф для одежды с антресолью</t>
  </si>
  <si>
    <t>Шкаф с полками 800 х 500 х 1150</t>
  </si>
  <si>
    <t>Стенка</t>
  </si>
  <si>
    <t>Жалюзи вертикальный (каб. Черновой И.В.)</t>
  </si>
  <si>
    <t>Шкаф канцеляр. с фасадам</t>
  </si>
  <si>
    <t>Шкаф канцеляр. с тон.стеклом</t>
  </si>
  <si>
    <t>Шкаф гардеробный</t>
  </si>
  <si>
    <t>Стенд (Информация об отдыхе)</t>
  </si>
  <si>
    <t>Стенд (Управление образования)</t>
  </si>
  <si>
    <t>Кресло TWISTER иск.кожа</t>
  </si>
  <si>
    <t>Жалюзи вертикальные тканевые</t>
  </si>
  <si>
    <t>Секундомер механический</t>
  </si>
  <si>
    <t>Кресло Алвест экокожа</t>
  </si>
  <si>
    <t>Стулья многомест. Трио коричневый к/з 3 - мест</t>
  </si>
  <si>
    <t>Кресло Carolina бежевый флок</t>
  </si>
  <si>
    <t xml:space="preserve">Энциклопедия(книга)                                                                                                                                   </t>
  </si>
  <si>
    <t xml:space="preserve">Энциклопедия                                                                                                                                          </t>
  </si>
  <si>
    <t xml:space="preserve">Книга                                                                                                                                                 </t>
  </si>
  <si>
    <t xml:space="preserve">БИБЛИОТЕКА                                                                                                                                            </t>
  </si>
  <si>
    <t>Книга «Библиотека Ярославской семьи» - 18 шт.</t>
  </si>
  <si>
    <t>Сплит-система LS/LU- H18KFA2</t>
  </si>
  <si>
    <t>МУ "Централизованная бухгалтерия системы образования БМР"</t>
  </si>
  <si>
    <t>Источник беспереб.питания</t>
  </si>
  <si>
    <t>МФУ Canon IR- 1133</t>
  </si>
  <si>
    <t>Факс Panasonik</t>
  </si>
  <si>
    <t>Копир Canon FC-128</t>
  </si>
  <si>
    <t>Монитор ТFT 22 "</t>
  </si>
  <si>
    <t>Управляемый коммутатор</t>
  </si>
  <si>
    <t>Персональный компьютер в сборе</t>
  </si>
  <si>
    <t>Принтер\сканер\копир KONICA MINOLTA</t>
  </si>
  <si>
    <t>Принтер HP LaserJet P2055D</t>
  </si>
  <si>
    <t>Принтер\копир\сканер\факс Canon MF 4570dn</t>
  </si>
  <si>
    <t>Системный блок Н 61 /Peritium</t>
  </si>
  <si>
    <t xml:space="preserve">Системный блок Н 61/Peritium </t>
  </si>
  <si>
    <t>Системный блок Н 61/Peritium</t>
  </si>
  <si>
    <t>МФУ НР LaserJet Pro</t>
  </si>
  <si>
    <t>Машина швейная переплетная для скрепл.печ.продукции</t>
  </si>
  <si>
    <t>МФУ с лазерной печатью HP LaserJet Pro</t>
  </si>
  <si>
    <t>Кондиционер Lessar LS-HO9KKA2/LU- HO9KKA2</t>
  </si>
  <si>
    <t>МФУ HP Laserjet Pro M426fdn RU</t>
  </si>
  <si>
    <t>МФУ с лазерн. Печатью HP LaserJet Pro M225RDN</t>
  </si>
  <si>
    <t>ИБП Powercom RPT – 800А</t>
  </si>
  <si>
    <t>Жесткий диск  HQSTU1traster 7K2 HUS722T1TALA604</t>
  </si>
  <si>
    <t>Жесткий диск  переносной TRANSCEND</t>
  </si>
  <si>
    <t>Коммутатор D – LINK DGS – 1100 26/ME/B1A</t>
  </si>
  <si>
    <t>Лазерный притер HP LJ Pro 400 M 402n</t>
  </si>
  <si>
    <t>Стол угловой 1400х900х750</t>
  </si>
  <si>
    <t>Шкаф- гардероб ольха</t>
  </si>
  <si>
    <t>Шкаф закр.для документов ольха</t>
  </si>
  <si>
    <t>Шкаф закр. для документов ольха</t>
  </si>
  <si>
    <t>Шкаф для док. со стеклом ольха</t>
  </si>
  <si>
    <t>Шкаф с нишей цв.ольха</t>
  </si>
  <si>
    <t>Стол угловой цв. орех гварнери</t>
  </si>
  <si>
    <t>Антресоль  с 2-мя двер.орех гварнери</t>
  </si>
  <si>
    <t>Стол угловой гварнери</t>
  </si>
  <si>
    <t xml:space="preserve">Шкаф комбинир. орех гварнери </t>
  </si>
  <si>
    <t>Шкаф закрытый д\ докум.</t>
  </si>
  <si>
    <t>Шкаф гардероб.глубокий ольха</t>
  </si>
  <si>
    <t>Тумба цв.ольха</t>
  </si>
  <si>
    <t>Тумба цв. гварнери</t>
  </si>
  <si>
    <t>Шкаф угловой</t>
  </si>
  <si>
    <t>Шкаф гардероб 600*380*2400</t>
  </si>
  <si>
    <t>Шкаф д/докум. 600*380*2400</t>
  </si>
  <si>
    <t>Шкаф д/докум. одноствор.</t>
  </si>
  <si>
    <t>Кресло Primo 1П</t>
  </si>
  <si>
    <t>Кресло Оливер</t>
  </si>
  <si>
    <t>Шкаф хозяйст. медиц.</t>
  </si>
  <si>
    <t>Шкаф гардероб 800х400х2400</t>
  </si>
  <si>
    <t>Шкаф со стеклом</t>
  </si>
  <si>
    <t>Кресло Tropic</t>
  </si>
  <si>
    <t>Стеллаж угловой высокий</t>
  </si>
  <si>
    <t>Кресло Chairnan 289 серая ткань</t>
  </si>
  <si>
    <t>Кресло Chairnan 289 чёрная ткань</t>
  </si>
  <si>
    <t>Кресло Сатурн чёрное</t>
  </si>
  <si>
    <t>Тумба с рапаш. дверями</t>
  </si>
  <si>
    <t>Жалюзи вертик. тканевые</t>
  </si>
  <si>
    <t>Кресло UT_747 ткань С серая</t>
  </si>
  <si>
    <t>Кресло Tpopic (T – 898AXSN) серая ткань</t>
  </si>
  <si>
    <t>Ограждение вокруг школы- забор</t>
  </si>
  <si>
    <t>МОУ Большесельская средняя общеобразовательная школа</t>
  </si>
  <si>
    <t>Видеорегистратор DVR-R300</t>
  </si>
  <si>
    <t>Тахограф Штрих-М</t>
  </si>
  <si>
    <t>Фото САNON Sх150</t>
  </si>
  <si>
    <t xml:space="preserve">Блок бесперебойного питания АРС </t>
  </si>
  <si>
    <t>Планшет Шасоm Bamboo Pen</t>
  </si>
  <si>
    <t>Клавишный инструмент Yamaha PSR</t>
  </si>
  <si>
    <t>Многофункцион.устройство Canon i-Sensys</t>
  </si>
  <si>
    <t>Радиомикрофон AKG ШMS-40</t>
  </si>
  <si>
    <t>Точка доступа D-Link (в форме пожарного датчика)</t>
  </si>
  <si>
    <t>Коммутатор D-Link</t>
  </si>
  <si>
    <t>Антена D-Link</t>
  </si>
  <si>
    <t>Устройство для интерактивного вещания</t>
  </si>
  <si>
    <t>Ноутбук НР 4530s P</t>
  </si>
  <si>
    <t>Ноутбук НР 4530</t>
  </si>
  <si>
    <t>Прилавок Мармит электр. для 1-х блюд ПМЭС-70М</t>
  </si>
  <si>
    <t>Мармты электрические для 2-х блюд</t>
  </si>
  <si>
    <t>Прилавок для горячих напитков ПГН-70М</t>
  </si>
  <si>
    <t>Модуль нейтральный (для линии прилавков)</t>
  </si>
  <si>
    <t>Электроплита ЭП-6П</t>
  </si>
  <si>
    <t>Электроплита СЭСМ-0,51С</t>
  </si>
  <si>
    <t>Сковорода электрическая СЭСМ-02</t>
  </si>
  <si>
    <t>Сплит-система 226-</t>
  </si>
  <si>
    <t>Водонагреватель накопительный 50 л.</t>
  </si>
  <si>
    <t>Электрокипятильник заливной КВЭ-30</t>
  </si>
  <si>
    <t>Компьютер IШ АТК Ci5 4430</t>
  </si>
  <si>
    <t>Компьютер IШ АТК Сi5 3210</t>
  </si>
  <si>
    <t>Комплекс спортивный Крепыш Г- образный</t>
  </si>
  <si>
    <t>Комплекс спортивный Крепыш Г-образный</t>
  </si>
  <si>
    <t>Видеорегистратор 16-кан.+монитор+жесткий диск+камеры</t>
  </si>
  <si>
    <t>Видеонаблюдение</t>
  </si>
  <si>
    <t>Водонагреватель проточной ВЭП-15</t>
  </si>
  <si>
    <t>Цифровой микроскоп QIDDYCOME TM-100</t>
  </si>
  <si>
    <t>Котёл пищеварочный КПЭМ-160-ОР</t>
  </si>
  <si>
    <t>Универсальная кухонная машина УКМ-ПК</t>
  </si>
  <si>
    <t>Прилавок для приборов ПАТША</t>
  </si>
  <si>
    <t xml:space="preserve">Слайсер ВЕСКЕРС </t>
  </si>
  <si>
    <t>ТЕСТОМЕС МТ -25-01</t>
  </si>
  <si>
    <t>ХЛЕБОРЕЗ АХМ-300А</t>
  </si>
  <si>
    <t>Точка доступа L-Link</t>
  </si>
  <si>
    <t>Компьютер IШ mАТК Сi3240</t>
  </si>
  <si>
    <t>МФУ HP Laser Let M1132 RU</t>
  </si>
  <si>
    <t>Проектор Epson EB-Ш18LCD</t>
  </si>
  <si>
    <t>Ноутбук Lenovo  IdeaPad B 590</t>
  </si>
  <si>
    <t>МФУ HP Laser Let Pro 400 MFP</t>
  </si>
  <si>
    <t>Компьютер IШ АТК Ci5 4130</t>
  </si>
  <si>
    <t>Факс Панасоник КХ</t>
  </si>
  <si>
    <t>Станок деревообрабатывающий "Корвет 322"</t>
  </si>
  <si>
    <t>Компьютер IШ АТК</t>
  </si>
  <si>
    <t>Радикальная система передачи извещений "Дельта"</t>
  </si>
  <si>
    <t>Фотоаппарат NIKON</t>
  </si>
  <si>
    <t>Компьютер IШ mATK i3 3240 iB75/ 4Gb</t>
  </si>
  <si>
    <t>Модем ZyXEL</t>
  </si>
  <si>
    <t>Ванна моечная ВМП-9(Котломойка)</t>
  </si>
  <si>
    <t>Весы электронные порционные САS-AD-5</t>
  </si>
  <si>
    <t>Машина картофелеочистительная МОК -300М</t>
  </si>
  <si>
    <t>Мясорубка МИМ-300 Настольная</t>
  </si>
  <si>
    <t>Пароконвектомат ПКА</t>
  </si>
  <si>
    <t>Принтер лазерный САНОН</t>
  </si>
  <si>
    <t>Многофункц.устройство</t>
  </si>
  <si>
    <t>Источник бесперебойного питания АРС</t>
  </si>
  <si>
    <t>Принтер НР Laser Jet P 2055 d</t>
  </si>
  <si>
    <t>Комплект интерактивного оборудования</t>
  </si>
  <si>
    <t>Принтер лазерный CANON</t>
  </si>
  <si>
    <t>Ноутбук Deij Inspiron 1300 РМ -740</t>
  </si>
  <si>
    <t>Мультимедиа-Проектор</t>
  </si>
  <si>
    <t>Многофункциональное устройство (принтер/сканер/копир) Canon Laser Base</t>
  </si>
  <si>
    <t>Мобильный компьютер (ноутбук)</t>
  </si>
  <si>
    <t>Мультимедийный проектор In Focus IN 34</t>
  </si>
  <si>
    <t>Накопитель внешний на жестком магнитном диске USB2.0</t>
  </si>
  <si>
    <t>Шкаф жаровочный</t>
  </si>
  <si>
    <t>Холодильный шкаф</t>
  </si>
  <si>
    <t>Видеомагнитофон</t>
  </si>
  <si>
    <t>Станок токарный СТД</t>
  </si>
  <si>
    <t>Токарный станок</t>
  </si>
  <si>
    <t>Токарный станок по дереву</t>
  </si>
  <si>
    <t>Настольно токарный станок</t>
  </si>
  <si>
    <t>Токарно винторезный станок</t>
  </si>
  <si>
    <t>Фрезерный станок</t>
  </si>
  <si>
    <t>Станок по дереву СТД</t>
  </si>
  <si>
    <t>Станок сверлильный</t>
  </si>
  <si>
    <t>Станок заточный</t>
  </si>
  <si>
    <t>Станок токарно- винторезный</t>
  </si>
  <si>
    <t>Станок деревообрабатывающий</t>
  </si>
  <si>
    <t>Линия прилавок для холод закусок</t>
  </si>
  <si>
    <t>Станок фрезерный</t>
  </si>
  <si>
    <t>Станок токарно винторезный</t>
  </si>
  <si>
    <t>Станок круглопильный</t>
  </si>
  <si>
    <t>Станок по дереву токарный</t>
  </si>
  <si>
    <t>Швейная машинка Чайка</t>
  </si>
  <si>
    <t>Киноустановка</t>
  </si>
  <si>
    <t>Телевизор ЭЛ - ДЖИ</t>
  </si>
  <si>
    <t>Проектор ПАНАСОНИК</t>
  </si>
  <si>
    <t>Тренажор " Универсальный"</t>
  </si>
  <si>
    <t>Тренажор " Атлет Марси "</t>
  </si>
  <si>
    <t>Тренажор Апекс ( НОИСЕ)</t>
  </si>
  <si>
    <t>Винтовка пневматическая</t>
  </si>
  <si>
    <t>Телефон факс Панасоник</t>
  </si>
  <si>
    <t>Диаслайд проектор</t>
  </si>
  <si>
    <t>Микроскоп</t>
  </si>
  <si>
    <t>Рубанок</t>
  </si>
  <si>
    <t>Обложка для байдарки</t>
  </si>
  <si>
    <t>Каркас для байдарки</t>
  </si>
  <si>
    <t>Маты гимнастические</t>
  </si>
  <si>
    <t>Набор для настольного тениса</t>
  </si>
  <si>
    <t>Динамометр демонстр</t>
  </si>
  <si>
    <t>Таблица по термодинамике</t>
  </si>
  <si>
    <t>Весы учебн для сыпуч тел</t>
  </si>
  <si>
    <t>Магнитофон</t>
  </si>
  <si>
    <t>Пишушая машинка</t>
  </si>
  <si>
    <t>Телевизор Ролсен</t>
  </si>
  <si>
    <t>Экран на треноге</t>
  </si>
  <si>
    <t>Акустическая система</t>
  </si>
  <si>
    <t>Усилитель мощности</t>
  </si>
  <si>
    <t>Блок бесперебойного питания</t>
  </si>
  <si>
    <t>Ксерокс</t>
  </si>
  <si>
    <t>Холодильник " Бирюса - 10"</t>
  </si>
  <si>
    <t>Копировальный аппарат Санон</t>
  </si>
  <si>
    <t>Видео магнитофон</t>
  </si>
  <si>
    <t>Электроплита " Газмаш"</t>
  </si>
  <si>
    <t>Водонагреватель " Аристон"</t>
  </si>
  <si>
    <t>Телевизор Витязь -546643</t>
  </si>
  <si>
    <t>ДВД ЭЛДЖИ 575</t>
  </si>
  <si>
    <t>Электроплита Газмаш</t>
  </si>
  <si>
    <t>Ванна мойка ВСМ</t>
  </si>
  <si>
    <t>Стремянка 10 ст диэлектрическая</t>
  </si>
  <si>
    <t>Весы медицинские РП -150</t>
  </si>
  <si>
    <t>Спирометр нагрузочный</t>
  </si>
  <si>
    <t>Плантограф</t>
  </si>
  <si>
    <t>Видио камера " Сони"</t>
  </si>
  <si>
    <t>Телевизор Техно 2113</t>
  </si>
  <si>
    <t>ДВД Самсунг SCX 4200 мульти</t>
  </si>
  <si>
    <t>Телевизор LG  RT 21 FA</t>
  </si>
  <si>
    <t>Настенная сплит- система  Tfdiux TRM -21</t>
  </si>
  <si>
    <t>Телевизор Горизонт  5421А20</t>
  </si>
  <si>
    <t>Лазерный принтер ( цветной)</t>
  </si>
  <si>
    <t>Весы электронные</t>
  </si>
  <si>
    <t>Электрическая плита</t>
  </si>
  <si>
    <t>Завеса " Тропик "</t>
  </si>
  <si>
    <t>Водонагреватель " Аристон</t>
  </si>
  <si>
    <t>Принтер Санон - 1120</t>
  </si>
  <si>
    <t>Санон Лазер ВАЗЕ МF 3110Мультиф устройство</t>
  </si>
  <si>
    <t>СВЧ Самсунг -2719</t>
  </si>
  <si>
    <t>Вентилятор  Cara B-23 RA (реверсивный)</t>
  </si>
  <si>
    <t>Компьютер Wizard</t>
  </si>
  <si>
    <t>Ноутбук Тошиба</t>
  </si>
  <si>
    <t>Проектор  Epson EMP - K52</t>
  </si>
  <si>
    <t>Проектор Epsjn EMP -K52</t>
  </si>
  <si>
    <t>Ноутбук  Asus X 51 RL</t>
  </si>
  <si>
    <t>Машина швейная BrotherL40</t>
  </si>
  <si>
    <t>Машина швейная Brother JS 23</t>
  </si>
  <si>
    <t>Вентилятор</t>
  </si>
  <si>
    <t>Сплит -система</t>
  </si>
  <si>
    <t>Тревожная кнопка</t>
  </si>
  <si>
    <t>Электро-Гитара +Комбо Рhi Pro</t>
  </si>
  <si>
    <t>Электро Гитара Phil Prjo16</t>
  </si>
  <si>
    <t>Комбо АС - 35 RX</t>
  </si>
  <si>
    <t>Комбо Fender Frontman 150</t>
  </si>
  <si>
    <t>Компьютер  с монитором</t>
  </si>
  <si>
    <t>Многофункциональное устройство НР Jfser Jet 3055</t>
  </si>
  <si>
    <t>Экран на штативе Matte White S 180х180</t>
  </si>
  <si>
    <t>Проектор Асеr P1265</t>
  </si>
  <si>
    <t>Компьютер с монитором</t>
  </si>
  <si>
    <t>Принтер НР Laser Jet 1018 USB 2.0</t>
  </si>
  <si>
    <t>Многофункциональное устройство  -Принтер САНОН</t>
  </si>
  <si>
    <t>Многофункциональное устройство - Принтер САНОН</t>
  </si>
  <si>
    <t>Ноутбук ASUS</t>
  </si>
  <si>
    <t>Принтер НР Laser Jet 1018 USB</t>
  </si>
  <si>
    <t>Переплетное устройство ОМА SD -296</t>
  </si>
  <si>
    <t>Переплетное устройство S-60</t>
  </si>
  <si>
    <t>Ксерокс Canon FC -108</t>
  </si>
  <si>
    <t>Проектор Mitsubishi</t>
  </si>
  <si>
    <t>Проектор Mitaubiahi</t>
  </si>
  <si>
    <t>Ноутбук Аsus</t>
  </si>
  <si>
    <t>Копировальный аппарат Canon FC-108</t>
  </si>
  <si>
    <t>Системы хранения данных</t>
  </si>
  <si>
    <t>Мобильный ПК DELL Inspiron 1525 (ноутбук)</t>
  </si>
  <si>
    <t>Проектор мультимедийный EPSON EMP-S52</t>
  </si>
  <si>
    <t>DVD плеер LG AKS 6100 Q</t>
  </si>
  <si>
    <t>Видиокамера Панасоник</t>
  </si>
  <si>
    <t>Ударная установка</t>
  </si>
  <si>
    <t>Телевизор SAMSUNG -CS- 2175</t>
  </si>
  <si>
    <t>Телевизор SAMSUNG CS-2175</t>
  </si>
  <si>
    <t>Ноутбук НР 550 Т5270</t>
  </si>
  <si>
    <t>Ноутбук НР 550  Т5270</t>
  </si>
  <si>
    <t>Ноутбук  НР 550 Т 5270</t>
  </si>
  <si>
    <t>Копир.Саnon FC-108</t>
  </si>
  <si>
    <t>Интерактивный Аппаратно-програмный комплекс</t>
  </si>
  <si>
    <t>Интерактивная доска 1077</t>
  </si>
  <si>
    <t>Дрель АКК интескол ДА-18</t>
  </si>
  <si>
    <t>Многофункциональное устройство Ganon - Sensys</t>
  </si>
  <si>
    <t>Монитор 19 TFT - Samsung</t>
  </si>
  <si>
    <t>Компьютер IШ  АТК С2D F2200</t>
  </si>
  <si>
    <t>Компьютер  Ш АТК С2Д</t>
  </si>
  <si>
    <t>Компьютер IШ АТК С2D E2200</t>
  </si>
  <si>
    <t>Водонагреватель Аристон</t>
  </si>
  <si>
    <t>Станок токарный по дереву СТД-120М</t>
  </si>
  <si>
    <t>Станок токарный по дереву СТД-120-М</t>
  </si>
  <si>
    <t>Компьютер IШ  АТК С2D E2200</t>
  </si>
  <si>
    <t>Мультимедиа-проектор EPSON EB-X8</t>
  </si>
  <si>
    <t>Экран на штативе ScreenMedia Fpoito T</t>
  </si>
  <si>
    <t>Микшерный пункт ВЕНRLNGER</t>
  </si>
  <si>
    <t>Системный блок IШ АТК С20 Е5300</t>
  </si>
  <si>
    <t>Цифровое пианино (5 темберов)</t>
  </si>
  <si>
    <t>Многоф.устройство  Canon i Sensys</t>
  </si>
  <si>
    <t>Вентилятор Cata B- 23 RA</t>
  </si>
  <si>
    <t>Принтер Canon LBP-3010</t>
  </si>
  <si>
    <t>МФУ Canon i- Sensys MF-4018</t>
  </si>
  <si>
    <t>МФУ Canon i-Sensys MF 4018</t>
  </si>
  <si>
    <t>Ноутбук  НР G62-a14ER</t>
  </si>
  <si>
    <t>Ноутбук Lenovo ThinkPad SL510</t>
  </si>
  <si>
    <t>Сетевой дисковый накопитель + 2жестких диска</t>
  </si>
  <si>
    <t>Компьютер Рro P3O ( DST/PE со струйным принтером OfficeJetКомпьютер Рro P3O ( DST/PE</t>
  </si>
  <si>
    <t>Доска интерактивная Interlwrite DuaiBoard каб 8</t>
  </si>
  <si>
    <t>Мультимедиа- проектор BeNQ MP 782 ST</t>
  </si>
  <si>
    <t>Автоматизированный узел коммерческого учета тепла</t>
  </si>
  <si>
    <t>Камера А VerVision CP 355 и цифровой фотоаппарат</t>
  </si>
  <si>
    <t>Автоматизированный узел коммерческого учета</t>
  </si>
  <si>
    <t>Компьютер IШ АТК С2D</t>
  </si>
  <si>
    <t>Компьютер IШ АТК С2D F2200</t>
  </si>
  <si>
    <t>Весы товарные</t>
  </si>
  <si>
    <t>Ларь морозильный</t>
  </si>
  <si>
    <t>Дежа</t>
  </si>
  <si>
    <t>Тестомест</t>
  </si>
  <si>
    <t>Ванна ЦСМС 1/430</t>
  </si>
  <si>
    <t>Системный блок - сервер IWATX</t>
  </si>
  <si>
    <t>МФУ Canon i-Sensys MF 4410</t>
  </si>
  <si>
    <t>Компьютер IW ATX CI5 650 iH55</t>
  </si>
  <si>
    <t>Компьютер IШ АТК Сi5</t>
  </si>
  <si>
    <t>Многоф.устройство i-Senys (копир,принтер,сканер)</t>
  </si>
  <si>
    <t>Мультимедийный проектор BenQ c креплекнием</t>
  </si>
  <si>
    <t>Мультимедийный проекторBenQс креплением</t>
  </si>
  <si>
    <t>Видеокарта GF9600GT Gigabyte</t>
  </si>
  <si>
    <t>Насос погружной для грязной воды "Ермак"</t>
  </si>
  <si>
    <t>Ноутбук НР 250 дош.гр.</t>
  </si>
  <si>
    <t>Шкаф расстоечный ШРЭ-2,1 стекло</t>
  </si>
  <si>
    <t>Холодильник Атлант 365-00</t>
  </si>
  <si>
    <t>Вентилятор Cata B-23 RA дош.гр.</t>
  </si>
  <si>
    <t>МФУ Canjn i-Sensys MF 4018 lдош.гр</t>
  </si>
  <si>
    <t>Компьютер IШ mATK C2Dдош.гр.</t>
  </si>
  <si>
    <t>Телевизор PHLPS 32 PFL 3605 дош.гр.</t>
  </si>
  <si>
    <t>Вентилятор Cata B 23 RA дошк.гр.</t>
  </si>
  <si>
    <t>Пианино Casio цифровое дош.гр</t>
  </si>
  <si>
    <t>Машина кухонная универсальная УКМ-06</t>
  </si>
  <si>
    <t>Водонагреватель Гарантерм ЕS</t>
  </si>
  <si>
    <t>Водонагреватель электр. АТТ</t>
  </si>
  <si>
    <t>Видеокамера Samsung, карта памяти</t>
  </si>
  <si>
    <t>Картофелечистка М К -150</t>
  </si>
  <si>
    <t>Водонагреватель проточной ЭВПЗ -15</t>
  </si>
  <si>
    <t>Весы МК-6.2-А-11</t>
  </si>
  <si>
    <t>Сплит - система SM- 232 SF</t>
  </si>
  <si>
    <t>Многофункциональное устройство Canon i-Sensys MF 4018</t>
  </si>
  <si>
    <t>Ноутбук НР du6-3125er i5</t>
  </si>
  <si>
    <t>Ванна моечная 1 секц.</t>
  </si>
  <si>
    <t>Ванна моечная 2 секц.</t>
  </si>
  <si>
    <t>Ванна моечная 3 секц.</t>
  </si>
  <si>
    <t>Подтоварник ПК 6-5</t>
  </si>
  <si>
    <t>Точка доступа для бесперебойной сети Rover</t>
  </si>
  <si>
    <t>Компьютер учителя RoverBook Centro A623</t>
  </si>
  <si>
    <t>Компьютер ученика RoverBook Centro A 620</t>
  </si>
  <si>
    <t>Комплект учебного  оборудования каб17</t>
  </si>
  <si>
    <t>Системный блок и бесперебойник</t>
  </si>
  <si>
    <t>Комплект учебного оборудования</t>
  </si>
  <si>
    <t>Камера А Ver Vision</t>
  </si>
  <si>
    <t>Ноутбукl  LENOVO КАБ20</t>
  </si>
  <si>
    <t>Ноутбук Lenovo  каб21</t>
  </si>
  <si>
    <t>Комплект Дистрибутив ПС(версия базовая академическая</t>
  </si>
  <si>
    <t>Передача неисключит прав на использов.</t>
  </si>
  <si>
    <t>Програмно аппаратный крмплекс видеонаблюдения для ЕГЭ</t>
  </si>
  <si>
    <t>Комплект учебного оборудования каб.2 ММЦ</t>
  </si>
  <si>
    <t>Комплект учебного оборудования цел.</t>
  </si>
  <si>
    <t>Ноутбук Lenovo ThinkPad L-520</t>
  </si>
  <si>
    <t>Документ - камера AVERVision F50</t>
  </si>
  <si>
    <t>Принтер HP Laser Jet Pro</t>
  </si>
  <si>
    <t>Принтер Лазерный-HP Сolor-цветной</t>
  </si>
  <si>
    <t>Точка доступа D-Link</t>
  </si>
  <si>
    <t>Видеорегистратор MYSTERY</t>
  </si>
  <si>
    <t>Ноутбук LENOVO IdeaPad100</t>
  </si>
  <si>
    <t>Диктофон OLYMPUS</t>
  </si>
  <si>
    <t>МФУ Лазерный HP</t>
  </si>
  <si>
    <t>Компьютер IW ATX G3250</t>
  </si>
  <si>
    <t>Набор шумовых музык.инструментов</t>
  </si>
  <si>
    <t>Колонки SVEN</t>
  </si>
  <si>
    <t>Тиски с поворотным механизмом (12 шт.)</t>
  </si>
  <si>
    <t>Тахограф «ШТРИХ-TaxoRUS»</t>
  </si>
  <si>
    <t>Компьютер IWmATX G3260</t>
  </si>
  <si>
    <t>Облучатель-рециркулятор</t>
  </si>
  <si>
    <t>Проектор Epson</t>
  </si>
  <si>
    <t>Ноутбук Lenovo</t>
  </si>
  <si>
    <t>Компьютер IW mATX Ci3</t>
  </si>
  <si>
    <t>Тахограф «Штрих-TaxoRUS»</t>
  </si>
  <si>
    <t>Сиcтемный блок-Сервер ATX VЗX Ci5</t>
  </si>
  <si>
    <t>Маршрутизатор безпроводной Zyxel</t>
  </si>
  <si>
    <t>Колонки Dialog</t>
  </si>
  <si>
    <t>Компьютер IW mATX Ci3 iH81</t>
  </si>
  <si>
    <t>Интерактивный комплекс (интерактивная доска, проектор)</t>
  </si>
  <si>
    <t>Дрель ударная Интерскол ДУ-13/750ЭР</t>
  </si>
  <si>
    <t>Жесткий диск Тошиба 9Флеш накопитель) д/гр</t>
  </si>
  <si>
    <t>Метроном</t>
  </si>
  <si>
    <t>Видеорегистратор  Sho-me FHD</t>
  </si>
  <si>
    <t>Видеодомофон</t>
  </si>
  <si>
    <t>Беговая дорожка DFC</t>
  </si>
  <si>
    <t>Велотренажер DFC PT-001</t>
  </si>
  <si>
    <t>Гребной тренажер DFC  7103</t>
  </si>
  <si>
    <t>Компьютер IW mATX Ci3 7100</t>
  </si>
  <si>
    <t>Компьютер IШ mATX i3 7100 iH110/4Gb</t>
  </si>
  <si>
    <t>МФУ лазерное HP LaserJet Pro</t>
  </si>
  <si>
    <t>Проектор портативный Acer X127H</t>
  </si>
  <si>
    <t>Бензотример PATRIOT PT545</t>
  </si>
  <si>
    <t>Видеокамера Panasoniл HC-WX970</t>
  </si>
  <si>
    <t>Насос  дренажный ВИХРЬ 550Н</t>
  </si>
  <si>
    <t>Источник бесперебойного питания Ippon Back Office</t>
  </si>
  <si>
    <t>Диктофон SONY ICD-PX370</t>
  </si>
  <si>
    <t>Подтоварник в столовой</t>
  </si>
  <si>
    <t>Ванна моечная столовая</t>
  </si>
  <si>
    <t>Системный блок IW mATX Ci3</t>
  </si>
  <si>
    <t>Устройство для прошивки документов YUNGER-M268</t>
  </si>
  <si>
    <t>Ларь морозильный МЛК-400</t>
  </si>
  <si>
    <t>Компьютер IW mATX Ci3 8100 iH310</t>
  </si>
  <si>
    <t>Проектор Acer X128H DLP 3600Lm</t>
  </si>
  <si>
    <t>МФУ лазерное HP Laser Jet Pro MFP</t>
  </si>
  <si>
    <t>Активная акустическая система Aito TX15</t>
  </si>
  <si>
    <t>Микшерный пульт Mackie ProFX8v2</t>
  </si>
  <si>
    <t>Радиосистема AKGWWS40</t>
  </si>
  <si>
    <t>Автобус ПАЗ-32053-70</t>
  </si>
  <si>
    <t>Автомобиль Автобус класса В(12 мест) Газ-322132</t>
  </si>
  <si>
    <t>Байдарка Вуокса -2</t>
  </si>
  <si>
    <t>Байдарка</t>
  </si>
  <si>
    <t>Шкаф офисный железный ( серый(</t>
  </si>
  <si>
    <t>Сейф огнестойкий</t>
  </si>
  <si>
    <t>Стол письменный с надстройкой к столу письменн. орех</t>
  </si>
  <si>
    <t>Сектор угловой с надстройкой орех</t>
  </si>
  <si>
    <t>Тумба выкатная 3 ящика орех</t>
  </si>
  <si>
    <t>Жалюзи рулонные шк</t>
  </si>
  <si>
    <t>Палатка SOL CAMP</t>
  </si>
  <si>
    <t>Сушилка для обуви "ViIdis V-Shark 24р"</t>
  </si>
  <si>
    <t>Стойка для лыж пристенная ( на 10 пар)</t>
  </si>
  <si>
    <t>Стойка для лыж (24 пар) с креплением</t>
  </si>
  <si>
    <t>Кухня "Мальвина" дошк.гр.</t>
  </si>
  <si>
    <t>Парикмахерская (с мягким стулом) дошк.гр.</t>
  </si>
  <si>
    <t>Модуль "Кольцо большое"</t>
  </si>
  <si>
    <t>Модуль "Балка"большая</t>
  </si>
  <si>
    <t>Модуль  "Трапеция "</t>
  </si>
  <si>
    <t>Диван трехместный на круглой трубе</t>
  </si>
  <si>
    <t>Наглядное пособие.Литературное чтение 3-4 кл.</t>
  </si>
  <si>
    <t>Щит баскетбольный игровой из оргстекла на метал.раме</t>
  </si>
  <si>
    <t>Щит баскетбольный игровой цельный из оргстекла на метал.раме</t>
  </si>
  <si>
    <t>Кольцо б/б игровое с амортизатором</t>
  </si>
  <si>
    <t>Стенд Достопримечательности Германии</t>
  </si>
  <si>
    <t>Стенд Юный математик 1,2 *0,95</t>
  </si>
  <si>
    <t>Стенд  Юный физик 1,4*1,0</t>
  </si>
  <si>
    <t>Стенка гимнастич с крепеж.с турником.</t>
  </si>
  <si>
    <t>Стенд Юный химик 1,4*1,0</t>
  </si>
  <si>
    <t xml:space="preserve">Планы эвакуации </t>
  </si>
  <si>
    <t>Таблицы демонстрационные "Введение в информатику"</t>
  </si>
  <si>
    <t>Германия (физическая+ политико-административная) на немецком языке</t>
  </si>
  <si>
    <t>Пылесос SAMSUNG VCC-4470</t>
  </si>
  <si>
    <t>Колодец игр.дош.гр.</t>
  </si>
  <si>
    <t>Домик деревянный раз.1600*1600*1700 дош.гр.</t>
  </si>
  <si>
    <t>Комплект детской мебели (стол+2скамейки) дошк.гр.</t>
  </si>
  <si>
    <t>Скамья для спортив. раздевалок</t>
  </si>
  <si>
    <t>Скамейка гимнастическая 3,0м.</t>
  </si>
  <si>
    <t>Компл.нагл.пособий.Литературное чтение 1-2 кл.</t>
  </si>
  <si>
    <t>Словарь синонимов и антонимов русского языка  для школьников.</t>
  </si>
  <si>
    <t>Шкаф для одежды 56.854*560</t>
  </si>
  <si>
    <t>Шкаф широкий закрытый</t>
  </si>
  <si>
    <t>Стол с подвесной тумбой</t>
  </si>
  <si>
    <t>Коллекция "Полезные ископаемые"</t>
  </si>
  <si>
    <t>"Алфавит магнитный" комплект на магнитах</t>
  </si>
  <si>
    <t>Магнитная математика Комплект на магнитах</t>
  </si>
  <si>
    <t>Подставка для Пароконвектора ПК -10М</t>
  </si>
  <si>
    <t>Стеллаж для сушки тарелок</t>
  </si>
  <si>
    <t>Жалюзи рулонные ( 2,0 -1,67 )</t>
  </si>
  <si>
    <t>Жалюзи рулонные ( 1,12 -1,67 )</t>
  </si>
  <si>
    <t>Жалюзи рулонные ( 2,0 -1,70 )</t>
  </si>
  <si>
    <t>Жалюзи рулонные ( 1,12-1,70 )</t>
  </si>
  <si>
    <t>Жалюзи рулонные ( 1,12-1,68 )</t>
  </si>
  <si>
    <t>Жалюзи рулонные ( 2,07 - 2,13 )</t>
  </si>
  <si>
    <t>Жалюзи рулонные ( 2,02-1,72 )</t>
  </si>
  <si>
    <t>Жалюзи рулонные</t>
  </si>
  <si>
    <t>Шкаф п/открытый</t>
  </si>
  <si>
    <t>Стенд "Осторожно терроризм"</t>
  </si>
  <si>
    <t>Стенд-уголок "Мероприятия по противодействию терроризму"</t>
  </si>
  <si>
    <t>Лестница 2-х сенкционная универсальная алюминевая 13 ступ.</t>
  </si>
  <si>
    <t>Стол настольно-тенисный старт</t>
  </si>
  <si>
    <t>"Магнитная математика" комплект на магнитах</t>
  </si>
  <si>
    <t>Теллурий (Модель Солнце-Земля-Луна)</t>
  </si>
  <si>
    <t>Компл.таб. для нач.шк."Обучение грамоте.Письмо и развитие речи"</t>
  </si>
  <si>
    <t>Набор ОС "Металлы"</t>
  </si>
  <si>
    <t>Аппарат " Рота" для измерения зрения</t>
  </si>
  <si>
    <t>Верстак столярный ВСТ -3</t>
  </si>
  <si>
    <t>Стенка доска</t>
  </si>
  <si>
    <t>Шкаф Ш - 2</t>
  </si>
  <si>
    <t>Шкаф Ш - 5</t>
  </si>
  <si>
    <t>Стол однотумбовый</t>
  </si>
  <si>
    <t>Стелаж демонстрационный</t>
  </si>
  <si>
    <t>Гардероб</t>
  </si>
  <si>
    <t>Вешалка</t>
  </si>
  <si>
    <t>Диван</t>
  </si>
  <si>
    <t>Шкаф Ш 2</t>
  </si>
  <si>
    <t>Стол СТ - 2</t>
  </si>
  <si>
    <t>Шкаф вишня</t>
  </si>
  <si>
    <t>Стелаж двух сторонний</t>
  </si>
  <si>
    <t>Стелажи металические</t>
  </si>
  <si>
    <t>Стелаж наклонный</t>
  </si>
  <si>
    <t>Стелажи полузакрытые</t>
  </si>
  <si>
    <t>Стелажи на 5 секций</t>
  </si>
  <si>
    <t>Кресло " Илона "</t>
  </si>
  <si>
    <t>Набор для столовой 6 -ти мест</t>
  </si>
  <si>
    <t>Стол демонстрационный для каб химии</t>
  </si>
  <si>
    <t>Шкаф директор широк закрыт</t>
  </si>
  <si>
    <t>Шкаф верх глухой</t>
  </si>
  <si>
    <t>Шкаф верх стекло</t>
  </si>
  <si>
    <t>Стол демонстрационный каб физики</t>
  </si>
  <si>
    <t>Доска маркерная</t>
  </si>
  <si>
    <t>Стол  компьютерный расшир</t>
  </si>
  <si>
    <t>Стол аудиторный серый</t>
  </si>
  <si>
    <t>Доска поворот магнитная</t>
  </si>
  <si>
    <t>Палатка 2х, 3х местная</t>
  </si>
  <si>
    <t>Палатка Тибет 4</t>
  </si>
  <si>
    <t>ММГ АС каб ОБЖ</t>
  </si>
  <si>
    <t>Диван одна секция</t>
  </si>
  <si>
    <t>Диван угловой</t>
  </si>
  <si>
    <t>Шкаф закрытый низ</t>
  </si>
  <si>
    <t>Кресло " Магистр"</t>
  </si>
  <si>
    <t>Кресло Магистр</t>
  </si>
  <si>
    <t>Диван офисный ( зеленый)</t>
  </si>
  <si>
    <t>Диван офисный (зеленый)</t>
  </si>
  <si>
    <t>Стол рабочий</t>
  </si>
  <si>
    <t>Доска школьная комбинированная</t>
  </si>
  <si>
    <t>Стеллаж библиотечн одн</t>
  </si>
  <si>
    <t>Передача ПК по з пл</t>
  </si>
  <si>
    <t>Костюм Деда Мороза с париком</t>
  </si>
  <si>
    <t>Костюм Снегурочки с кокошником</t>
  </si>
  <si>
    <t>Набор наглядный Строй</t>
  </si>
  <si>
    <t>Доска аудиторная 340*100</t>
  </si>
  <si>
    <t>Стол демонстрационный химический с сантехникой</t>
  </si>
  <si>
    <t>Шкаф комбинированный</t>
  </si>
  <si>
    <t>Сейф АСМ-28</t>
  </si>
  <si>
    <t>Тумба угловая закрытая</t>
  </si>
  <si>
    <t>Диван " Офис 2"</t>
  </si>
  <si>
    <t>Диван " Офис 3"</t>
  </si>
  <si>
    <t>Сейф ТОРАЦ</t>
  </si>
  <si>
    <t>Доска школьная 3-х местная</t>
  </si>
  <si>
    <t>Стеллаж библиотечный 1-сторонний</t>
  </si>
  <si>
    <t>Стеллаж библиотечный 2-сторонний</t>
  </si>
  <si>
    <t>Стол 2-тумбовый</t>
  </si>
  <si>
    <t>Шкаф комбинированный (1/2 гардероб, 1/2 полки)</t>
  </si>
  <si>
    <t>Шкаф со стеклянными рамочными дверями</t>
  </si>
  <si>
    <t>Шкаф для формуляров,цв итал.орех</t>
  </si>
  <si>
    <t>Шкаф для одежды с дополнительными полками</t>
  </si>
  <si>
    <t>Шкаф п/открытый со стеклом</t>
  </si>
  <si>
    <t>Шкаф комбинированный св.бук</t>
  </si>
  <si>
    <t>Шкаф плакатница цв.св.бук</t>
  </si>
  <si>
    <t>Стеллаж демонстрационный</t>
  </si>
  <si>
    <t>Стеллаж библиотечный двухсторонний</t>
  </si>
  <si>
    <t>Кафедра для выдачи книг</t>
  </si>
  <si>
    <t>Шкаф для документов закрытый</t>
  </si>
  <si>
    <t>Брусья гимнастические мужские массовые</t>
  </si>
  <si>
    <t>Доска настенная 5-элементная ДН-54К</t>
  </si>
  <si>
    <t>Набор наглядный Строй1</t>
  </si>
  <si>
    <t>Панель под классной доск демонстр</t>
  </si>
  <si>
    <t>Таблица правописан илюстр парф</t>
  </si>
  <si>
    <t>Занавес для актового зала ( занавес1шт, шторы 4шт, карнизы4шт)</t>
  </si>
  <si>
    <t>Уголок безопасности дорожного движения</t>
  </si>
  <si>
    <t>Доска аудиторная 3-х элементная</t>
  </si>
  <si>
    <t>Палатка  Nakra</t>
  </si>
  <si>
    <t>Шкаф полуоткрытый</t>
  </si>
  <si>
    <t>Шкаф открытый (стеллаж)</t>
  </si>
  <si>
    <t>Шкаф комбинированный 1/2 полки, 1,2 гардероб</t>
  </si>
  <si>
    <t>Стеллаж  обносторонний</t>
  </si>
  <si>
    <t>Шкаф четырехдверный с нишей</t>
  </si>
  <si>
    <t>Шкаф п/о со стеклянными дверками</t>
  </si>
  <si>
    <t>Стол двухтумбовый</t>
  </si>
  <si>
    <t>Шкаф комбинированный 1/2 полки. 1/2 гардероб</t>
  </si>
  <si>
    <t>Комплект мягк.элементов к секц. серии 2Прима-3</t>
  </si>
  <si>
    <t>Секция (3 сиденья) серии " Прима -3</t>
  </si>
  <si>
    <t>Набор наглядн Строй 1</t>
  </si>
  <si>
    <t>Набор наглядн Строй 2</t>
  </si>
  <si>
    <t>Модель черепа человека</t>
  </si>
  <si>
    <t>Модель скелет человека</t>
  </si>
  <si>
    <t>Вешалка гардеробная</t>
  </si>
  <si>
    <t>Шкаф под мойку</t>
  </si>
  <si>
    <t>Шкаф навесной  со стеклом тонир</t>
  </si>
  <si>
    <t>Стол эргономичный треугольный на опорах</t>
  </si>
  <si>
    <t>Доска настенная 5-элементная ДН-54К (3,4х1)</t>
  </si>
  <si>
    <t>Стол для рскроя ткани профессиональный</t>
  </si>
  <si>
    <t>Менекен женский (Г)</t>
  </si>
  <si>
    <t>Мостик гимнастический подпружинеееый</t>
  </si>
  <si>
    <t>Комплект столовых приборов</t>
  </si>
  <si>
    <t>Стол копьютерный угловой расширенный (учительский) с тумбой</t>
  </si>
  <si>
    <t>Доска настенная 5-элементная ДП -52Ф</t>
  </si>
  <si>
    <t>Доска настенная 300х100 мм с расчерченной поверх</t>
  </si>
  <si>
    <t>Доска настенная нотный стан 100х150 мм</t>
  </si>
  <si>
    <t>Доска аудиторная с расчерченной поверхностью</t>
  </si>
  <si>
    <t>Тренажор гребной</t>
  </si>
  <si>
    <t>Тренажор элиптический магнитный</t>
  </si>
  <si>
    <t>Шкаф п/о со стекл.дверьми в МВД рамке</t>
  </si>
  <si>
    <t>Стол однотумбовый Ф-262</t>
  </si>
  <si>
    <t>Стул-секция 3-х местная б/подлокотников</t>
  </si>
  <si>
    <t>Шкаф комбинирован.закрытый полки/крючки</t>
  </si>
  <si>
    <t>Информационный стенд в сборе</t>
  </si>
  <si>
    <t>Информационный стенд в сборе " Здоровье и спорт"</t>
  </si>
  <si>
    <t>Стенд-уголок " Правила безопасности школьника"</t>
  </si>
  <si>
    <t>"Уголок безопасности дорожного движения (Школа)</t>
  </si>
  <si>
    <t>Стенд "Обязанности пешехода"</t>
  </si>
  <si>
    <t>Стенды "Первая помощь при ДТП"</t>
  </si>
  <si>
    <t>Набор прозрачных геометрических тел с сечениями</t>
  </si>
  <si>
    <t>Холодильник Атлант</t>
  </si>
  <si>
    <t>Стойка -елочка гантельная</t>
  </si>
  <si>
    <t>Сосна 5м</t>
  </si>
  <si>
    <t>Шкаф метал. 1-ст. для медикаментов</t>
  </si>
  <si>
    <t>Шкаф для одежды 4-х сек дет.сад.</t>
  </si>
  <si>
    <t>Скамейка двухсторонняя дет.сад.</t>
  </si>
  <si>
    <t>Парта- трансформер мех.рег. высоты.</t>
  </si>
  <si>
    <t>Шкаф широкий со стеклом</t>
  </si>
  <si>
    <t>ОБН -450П 3*30 с лампами ТUY 30 3шт</t>
  </si>
  <si>
    <t>Стол "Лепесток" д.с.</t>
  </si>
  <si>
    <t>Стол фигурный с 2-мя скамейками</t>
  </si>
  <si>
    <t>Шкаф низкий под мойку со стол.кухонной и стен.панелью</t>
  </si>
  <si>
    <t>Шкаф с 2-мя полками и фасадами</t>
  </si>
  <si>
    <t>Информационный стенд "Наша гордость -Учителя"</t>
  </si>
  <si>
    <t>Информационный стенд "Наша гордость -ученики"</t>
  </si>
  <si>
    <t>Информационный  стенд " Информация"</t>
  </si>
  <si>
    <t>Информационный стенд " Наша школа"</t>
  </si>
  <si>
    <t>Вешалка настенная 48 крюч. для гол.убор.. пальто</t>
  </si>
  <si>
    <t>Информационный стенд " Наша гордость- ученики"</t>
  </si>
  <si>
    <t>Информационный стенд Расписание"</t>
  </si>
  <si>
    <t>Магнитная математика</t>
  </si>
  <si>
    <t>Конденсатор переменный с цифровым измер.емкости</t>
  </si>
  <si>
    <t>Доска настенная 3-хэлементная ДН-32Ф,300*100 маркер85</t>
  </si>
  <si>
    <t>Шкаф 950*450*1200Н с 2-мя полками и фасадами</t>
  </si>
  <si>
    <t>Шкаф с9-ю закрытыми ячейками,с замкоми 3-мя открытыми</t>
  </si>
  <si>
    <t>Стеллаж библиотечный односторонний,коричневый</t>
  </si>
  <si>
    <t>Доска настенная 3-хэлементная ДН -32М 300*100мел84</t>
  </si>
  <si>
    <t>Стиральная машина Самсунг</t>
  </si>
  <si>
    <t>Книжный уголок</t>
  </si>
  <si>
    <t>Стеллаж для пособий низ закрытый</t>
  </si>
  <si>
    <t>Стенка угловая</t>
  </si>
  <si>
    <t>Набор для физкультурно-оздоровительных занятий (75 элементов)</t>
  </si>
  <si>
    <t>Деревянная тележка для физкульт.оздоровительных принадлежностей</t>
  </si>
  <si>
    <t>Стенд "Книжка"</t>
  </si>
  <si>
    <t>Стенд  " Наше творчество"</t>
  </si>
  <si>
    <t>Стенд "Уголок для родителей"</t>
  </si>
  <si>
    <t>Стенд " Безопасность труда"</t>
  </si>
  <si>
    <t>Шкаф для ключей 700х150х1080Н</t>
  </si>
  <si>
    <t>Пылесос ZANISSI-750</t>
  </si>
  <si>
    <t>Стенд "Здоровым быть здорово"</t>
  </si>
  <si>
    <t>Стенд "Подросток и закон"</t>
  </si>
  <si>
    <t>Стенд "Права и обязанности школьника"</t>
  </si>
  <si>
    <t>Стенд "Наше творчество"</t>
  </si>
  <si>
    <t>Стенды для кабинета биологии</t>
  </si>
  <si>
    <t>Стенд "65 лет Победы"</t>
  </si>
  <si>
    <t>Пылесос Samsung 6520 дошк. груп.</t>
  </si>
  <si>
    <t>Перфоратор НR-2470</t>
  </si>
  <si>
    <t>Диван трехместный на круглой трубе оф.ткане</t>
  </si>
  <si>
    <t>Стеллаж библиотечн.демонстр. серый</t>
  </si>
  <si>
    <t>Стол журнальный</t>
  </si>
  <si>
    <t>Зеркало 1000*2000*4</t>
  </si>
  <si>
    <t>Шкаф для документов п/открытый на рег.ножках</t>
  </si>
  <si>
    <t>Стол двух тумбовый с подвесной тумбой (с ящиками)</t>
  </si>
  <si>
    <t>Шкаф навесной с сушкой д.с</t>
  </si>
  <si>
    <t>Трибуна мод. 2 (м/к серый), 550х500х1200 Мод.2</t>
  </si>
  <si>
    <t xml:space="preserve">Стол с подвесной тумбой (для преподавателя), 115*60*75 33 </t>
  </si>
  <si>
    <t>Шкаф широкий закрытый, 854*450*2010 181</t>
  </si>
  <si>
    <t>Стол компьютерный с надставкой, 1300х700х1400 (кромка 16 ПВХ)</t>
  </si>
  <si>
    <t>Комплект.табл.Экономика 10-11кл 25 табл.</t>
  </si>
  <si>
    <t>Набор прозрачных  геометрическ.тел с сечениями</t>
  </si>
  <si>
    <t>Компл.табл.Математика.Алгебра 10кл.(17 табл)</t>
  </si>
  <si>
    <t>Интерактивная доска SMART Board</t>
  </si>
  <si>
    <t>Программно-методический компл.(фантазеры.Волшебный конструктор)</t>
  </si>
  <si>
    <t>Программно -методический комплекс развитие речи</t>
  </si>
  <si>
    <t>Скамейка гимнаст.3,0(метал.ножки)</t>
  </si>
  <si>
    <t>Стенд Наш класс 1,5*0,9</t>
  </si>
  <si>
    <t>Стенд Школьная жизнь 1,5*0,9</t>
  </si>
  <si>
    <t>Стенд Классный уголок 1,1 *0,97</t>
  </si>
  <si>
    <t>Аппарат для дистилляции воды</t>
  </si>
  <si>
    <t xml:space="preserve">Набор гипсовых геометрических фигур </t>
  </si>
  <si>
    <t>Маска Тигр (высота 55 см)</t>
  </si>
  <si>
    <t>Комплект табл. для нач.шк."Русский язык.Глагол" 12 табл</t>
  </si>
  <si>
    <t>Компл.табл.для нач.шк."Русский язык.Имя прилагательное" 12 табл</t>
  </si>
  <si>
    <t>Компл.табл. для нач.шк. Русский язык.Орфография 14 табл.</t>
  </si>
  <si>
    <t>Модуль "Куб большой"</t>
  </si>
  <si>
    <t>Жалюзи рулонные ( 2,08 - 2,11 )</t>
  </si>
  <si>
    <t>Жалюзи рулонные ( 1,02  -1,70 )</t>
  </si>
  <si>
    <t>Жалюзи вертикальные мультифактурные</t>
  </si>
  <si>
    <t>Новогодняя ель дош.гр.</t>
  </si>
  <si>
    <t>Водонагреватель Гарантерм ЕR/MGR</t>
  </si>
  <si>
    <t>Поликлиника (6 предметов) дошк.гр.</t>
  </si>
  <si>
    <t xml:space="preserve">Песоцница детская </t>
  </si>
  <si>
    <t>Набор знаков дорожного движения дош.гр.</t>
  </si>
  <si>
    <t>Шкаф для одежды трехстворчатый с антресолью</t>
  </si>
  <si>
    <t>Ковровое покрытие 4*6 д/гр</t>
  </si>
  <si>
    <t>Набор складной мебели Стол и стул дош.гр.</t>
  </si>
  <si>
    <t>Жалюзи рулонные дошк.гр.</t>
  </si>
  <si>
    <t>Стол для логопедических занятий 4 гр. дош.гр.</t>
  </si>
  <si>
    <t>Стол для логопедических занятий для дошкольников 2гр.дош.гр.</t>
  </si>
  <si>
    <t>Тележка официантная 3 полки ТИОН-3 дош.гр.</t>
  </si>
  <si>
    <t>Уголок отдыха Ягодка Д-121 дош.гр.</t>
  </si>
  <si>
    <t>Детский игровой комплекс Горка) дошк.гр.</t>
  </si>
  <si>
    <t>Доска аудиторная 3-х элементная ДК 300*100</t>
  </si>
  <si>
    <t>Зонт вентиляционный пристенный</t>
  </si>
  <si>
    <t>Сейф VALBERG FRS</t>
  </si>
  <si>
    <t>Шкаф холодильный Garboma V 700</t>
  </si>
  <si>
    <t>Стол компьютерный (1200х600х750)</t>
  </si>
  <si>
    <t>Стол 2-х тумбовый</t>
  </si>
  <si>
    <t>Стол разделочно-производственный с бортом</t>
  </si>
  <si>
    <t>Стол разделочно- производственный с бортом</t>
  </si>
  <si>
    <t>Стеллаж СТК-1200/500</t>
  </si>
  <si>
    <t>Стеллаж СТК -950/400</t>
  </si>
  <si>
    <t>Стеллаж СТК-600/500</t>
  </si>
  <si>
    <t>Стеллаж металлический ( 2000х1550х500)</t>
  </si>
  <si>
    <t>Секция для одежды,с замком,вентилляц.отверстиями</t>
  </si>
  <si>
    <t>Стеллаж СТК -1500/500</t>
  </si>
  <si>
    <t>Машина протирочная МПР-350М 0,1</t>
  </si>
  <si>
    <t>Стенд "Приятного аппетита"</t>
  </si>
  <si>
    <t>Шкаф двухстворчатый (2000*700*400) дет.сад</t>
  </si>
  <si>
    <t>Шкаф купе (2000*1100*500*)- д/с</t>
  </si>
  <si>
    <t>Шкаф купе под бел. д/с</t>
  </si>
  <si>
    <t>Шкаф пекарский ЭШЗ-К</t>
  </si>
  <si>
    <t>Щит баскетбольный навесной с кольцами</t>
  </si>
  <si>
    <t>Брусья гимнастические мужские с паралельными жердями</t>
  </si>
  <si>
    <t>Брусья гимнастические женские на растяжке</t>
  </si>
  <si>
    <t>Бревно гимнастическое Высокое</t>
  </si>
  <si>
    <t>Козел гимнастический</t>
  </si>
  <si>
    <t>Конь гимнастический</t>
  </si>
  <si>
    <t>Перекладина гимнастическая пристеночная</t>
  </si>
  <si>
    <t>Комплект "КМ-Школа 8.0(информационный интегрированный продукт</t>
  </si>
  <si>
    <t>Комплект лыжный ( лыжи, палки, лыжные ботинки под крепления)</t>
  </si>
  <si>
    <t>Лабораторный комплект по электродинамике</t>
  </si>
  <si>
    <t>Лабораторный комплект по оптике</t>
  </si>
  <si>
    <t>Цифровая лаборатория учащегося</t>
  </si>
  <si>
    <t>Биологическая микролаборатория</t>
  </si>
  <si>
    <t>Биологическая  микролаборатория</t>
  </si>
  <si>
    <t>Цифровой USB микроскоп</t>
  </si>
  <si>
    <t>Комплект энергоснабжения</t>
  </si>
  <si>
    <t>Демонстрационный комплект</t>
  </si>
  <si>
    <t>Лабораторный комплект по механике</t>
  </si>
  <si>
    <t>Комплект учебно-лабораторного оборудования кабинета химии в. ч. микролаб.для хим</t>
  </si>
  <si>
    <t>Комплект учебно-лабораторного оборудования кабинета химиив т.ч микролаборатория</t>
  </si>
  <si>
    <t>Комплект учебно-лабораторного оборудования кабинета химии.в том числе микролабор</t>
  </si>
  <si>
    <t>Комплект учебно-лабораторного оборудования кабинета химии в т.ч микролаборатория</t>
  </si>
  <si>
    <t>Комплект учебно-лабораторного оборудования кабинета  химии в т.ч.микролаборатори</t>
  </si>
  <si>
    <t>Комплект учебно-лабораторного оборудования кабинета химии в т.ч.микролаборатория</t>
  </si>
  <si>
    <t>Интерак.наглядн.компл.для нач.школы "Русский язык"6 диск.</t>
  </si>
  <si>
    <t>Контейнер для ТБО</t>
  </si>
  <si>
    <t>Подставка под ТСО  (3 шт.)</t>
  </si>
  <si>
    <t>Микроволновая печь</t>
  </si>
  <si>
    <t>Сушилка электр. для рук</t>
  </si>
  <si>
    <t>Глобус-32 см «Физическая география Земли»</t>
  </si>
  <si>
    <t>Макеты автомата АК-74М</t>
  </si>
  <si>
    <t>Карнавальный костюм Дед Мороз</t>
  </si>
  <si>
    <t>Фармац.холодильник ХФ-250-2ПОЗИС</t>
  </si>
  <si>
    <t>Доска школьная ауд.наст. 1-эл.</t>
  </si>
  <si>
    <t>Комплект оборудования «ГИА-лаборатория» (стандартный)</t>
  </si>
  <si>
    <t>ГИА по физике: комплект № 8</t>
  </si>
  <si>
    <t>Стол для компьютера</t>
  </si>
  <si>
    <t>Плакатница</t>
  </si>
  <si>
    <t>Стеллаж МС (5 полок)</t>
  </si>
  <si>
    <t>Кресло Carolina</t>
  </si>
  <si>
    <t>Детск.спорт.компл.для улицы Романа космодром</t>
  </si>
  <si>
    <t>Качели двойные цепная подвеска д/гр</t>
  </si>
  <si>
    <t>Игров.оборуд. "Карусель с рулем" д/гр</t>
  </si>
  <si>
    <t>Стол учительский</t>
  </si>
  <si>
    <t>Метал. Стеллажи с 5-ю полками</t>
  </si>
  <si>
    <t>Информационный стенд</t>
  </si>
  <si>
    <t>Столы на металлической основе, кож.зам</t>
  </si>
  <si>
    <t>Доска настенная 1эл.</t>
  </si>
  <si>
    <t>Стол ученический 2-местн.рег.2, 3, 4гр.пласт.</t>
  </si>
  <si>
    <t>Стол ученич.2-местн регулир.</t>
  </si>
  <si>
    <t>Тумба медиц.металл.</t>
  </si>
  <si>
    <t>Сейф огнестойк. VALBERG</t>
  </si>
  <si>
    <t>Стенд навесной Таблица квадратов натуральных чисел</t>
  </si>
  <si>
    <t>Стенд навесной Формулы сокращенного умножения</t>
  </si>
  <si>
    <t>Стенд навесной Формулы тригонометрии</t>
  </si>
  <si>
    <t>Математика 5 кл. (18 табл.)</t>
  </si>
  <si>
    <t>Математика 5 кл. (12 табл.)</t>
  </si>
  <si>
    <t>Геометрия 7 кл. (14 табл.)</t>
  </si>
  <si>
    <t>Геометрия 8 кл. (15 табл.)</t>
  </si>
  <si>
    <t>Геометрия 9 кл. (13 табл.)</t>
  </si>
  <si>
    <t>Геометрия 10 кл. (14 табл.)</t>
  </si>
  <si>
    <t>Геометрия 11 кл. (12 табл.)</t>
  </si>
  <si>
    <t>Доска информационная пробковая</t>
  </si>
  <si>
    <t>Тонель для подлезания 5-секц.</t>
  </si>
  <si>
    <t>Мяч баскетбольный</t>
  </si>
  <si>
    <t>Степ-платформа</t>
  </si>
  <si>
    <t>Карнавальный костюм Зимушка д/гр</t>
  </si>
  <si>
    <t xml:space="preserve">Карнавальный костюм Кощей д/гр </t>
  </si>
  <si>
    <t>Карнавальный костюм Масленица-боярыня взр. д/гр</t>
  </si>
  <si>
    <t>Карнавальный костюм Колдунья д/гр</t>
  </si>
  <si>
    <t>Демо-система (настольная карусель под бумаги)</t>
  </si>
  <si>
    <t>Стеллаж односторонний</t>
  </si>
  <si>
    <t>Стенд «Лента времени»</t>
  </si>
  <si>
    <t>Касса букв и слов (комплект)</t>
  </si>
  <si>
    <t>Стенд «для Вас Родители»</t>
  </si>
  <si>
    <t>Шкаф-купе для бумаг</t>
  </si>
  <si>
    <t>Стенд «Внимание»</t>
  </si>
  <si>
    <t>Стенд «Формула выбора»</t>
  </si>
  <si>
    <t>Стенд «Все профессии»</t>
  </si>
  <si>
    <t>Стенд «Куда пойти учиться»</t>
  </si>
  <si>
    <t>Учебный мобильный пневматический тир</t>
  </si>
  <si>
    <t>Стол детский «Цветок»</t>
  </si>
  <si>
    <t>Стол для учителя с ящиками</t>
  </si>
  <si>
    <t>Тепловая пушка электрическая  BALLU</t>
  </si>
  <si>
    <t>Шкаф комбинированный для документов (стенка)</t>
  </si>
  <si>
    <t>Тумба для документов</t>
  </si>
  <si>
    <t>Стол учителя</t>
  </si>
  <si>
    <t>Стол приставной</t>
  </si>
  <si>
    <t>Стол аудиторный с сегментом</t>
  </si>
  <si>
    <t>Световой планшет для песка (стол)</t>
  </si>
  <si>
    <t>Диван мягкий двухместный</t>
  </si>
  <si>
    <t>Диван-секция ОММ-3</t>
  </si>
  <si>
    <t xml:space="preserve">Библиотечный фонд 27 шт. </t>
  </si>
  <si>
    <t>Библиотечный фонд 196 шт.</t>
  </si>
  <si>
    <t>Библиотечный фонд 178 шт.</t>
  </si>
  <si>
    <t>Библиотечный фонд 114 шт.</t>
  </si>
  <si>
    <t>Библиотечный фонд 18 шт.</t>
  </si>
  <si>
    <t>Библиотечный фонд 2 шт.</t>
  </si>
  <si>
    <t>Библиотечной фонд 261 шт.</t>
  </si>
  <si>
    <t>Книги учебники 90 шт.</t>
  </si>
  <si>
    <t>Библиотечный фонд 19 шт.</t>
  </si>
  <si>
    <t>Библиотечный фонд 1 шт.</t>
  </si>
  <si>
    <t xml:space="preserve">Библиотечный фонд 21 шт. </t>
  </si>
  <si>
    <t xml:space="preserve">Библиотечный фонд 17 шт. </t>
  </si>
  <si>
    <t>Учебное пособие религиозных культур 11 шт.</t>
  </si>
  <si>
    <t>Библиотечный фонд кн 2 шт.</t>
  </si>
  <si>
    <t>Художественная литература 162 шт.</t>
  </si>
  <si>
    <t>Примерная прогр.по уч.предметам в мет. каб. 29 шт.</t>
  </si>
  <si>
    <t>Библиотечный фонд 266 шт.</t>
  </si>
  <si>
    <t xml:space="preserve">Библиотечный фонд 86 шт. </t>
  </si>
  <si>
    <t>Библиотечный фонд 123 шт.</t>
  </si>
  <si>
    <t>Учебники-Ладыженская 10 кл. 21 шт.</t>
  </si>
  <si>
    <t>Библиотечный фонд 10 шт.</t>
  </si>
  <si>
    <t>Библиотечный фонд 39 шт.</t>
  </si>
  <si>
    <t>Библиотечный фонд 391 шт.</t>
  </si>
  <si>
    <t>Библиотечный фонд ц. 655 шт.</t>
  </si>
  <si>
    <t xml:space="preserve">Библиотечный фрнд учебники цел. 816 шт. </t>
  </si>
  <si>
    <t>Библиотечный фонд цел. 720 шт.</t>
  </si>
  <si>
    <t>Библиотечный фонд ,учебники 345 шт.</t>
  </si>
  <si>
    <t xml:space="preserve">Библиотечный фонд цел. 175 шт. </t>
  </si>
  <si>
    <t>Библиотечный фонд 236 шт.</t>
  </si>
  <si>
    <t xml:space="preserve">Библиотечный фонд 1 шт. </t>
  </si>
  <si>
    <t xml:space="preserve">Библиотечный фонд 32 шт. </t>
  </si>
  <si>
    <t>Книги 350 шт.</t>
  </si>
  <si>
    <t xml:space="preserve">Книги 490 шт. </t>
  </si>
  <si>
    <t>Библиотечный фонд 19670 шт.</t>
  </si>
  <si>
    <t>Школьный орфографический словарь русского языка 5-*11кл 100 шт.</t>
  </si>
  <si>
    <t>Словарь толковый русского языка 200 шт.</t>
  </si>
  <si>
    <t xml:space="preserve">Библиотечный фонд 296 шт. </t>
  </si>
  <si>
    <t xml:space="preserve">Библиотечный фонд 169 шт. </t>
  </si>
  <si>
    <t xml:space="preserve">Библиотечный фонд 558 шт. </t>
  </si>
  <si>
    <t>Энциклопедия в 2-х частях "Обьекты всемирного наследия" 1 шт.</t>
  </si>
  <si>
    <t xml:space="preserve">Комплект плакатов "Азбука юного пешехода" 2 шт. </t>
  </si>
  <si>
    <t>Библиотечный фонд 499 шт.</t>
  </si>
  <si>
    <t>Книги библ.фонд 105 шт.</t>
  </si>
  <si>
    <t xml:space="preserve">Монастыри России 2 шт. </t>
  </si>
  <si>
    <t xml:space="preserve">Библиотечный фонд кн 551 шт. </t>
  </si>
  <si>
    <t xml:space="preserve">Книги-учебн. 20 шт. </t>
  </si>
  <si>
    <t>Книги-учебники 25 шт.</t>
  </si>
  <si>
    <t xml:space="preserve">Книги-учебники 120 шт. </t>
  </si>
  <si>
    <t xml:space="preserve">Школьный мифологический словарь 1 шт. </t>
  </si>
  <si>
    <t>Новый немецко-пусский. русско-немецкий словарь 12 шт.</t>
  </si>
  <si>
    <t>Библиотечный фонд по ММЦ 1158 шт.</t>
  </si>
  <si>
    <t xml:space="preserve">Энциклопедия справочник " страны мира" 1 шт. </t>
  </si>
  <si>
    <t xml:space="preserve">Сборник кодексов законов 1 шт. </t>
  </si>
  <si>
    <t>Библиотечный фонд-метод.каб. 7 шт.</t>
  </si>
  <si>
    <t>Библиотечный фонд 23 шт.</t>
  </si>
  <si>
    <t xml:space="preserve">Пособие ЧП Ю и Р" 1-3ч 1 шт. </t>
  </si>
  <si>
    <t xml:space="preserve">Большая книга рассказов.Драгунский дош.гр. 1 шт. </t>
  </si>
  <si>
    <t>Сказки о богатырях. дош.гр. 1 шт.</t>
  </si>
  <si>
    <t xml:space="preserve">Русские народные сказки дош.гр. 1 шт. </t>
  </si>
  <si>
    <t xml:space="preserve">Большая книга сказок.дош.гр. 1 шт. </t>
  </si>
  <si>
    <t xml:space="preserve">Конструктор металл.дош.гр. 1 шт. </t>
  </si>
  <si>
    <t xml:space="preserve">Книга для чтения в детском саду и дома дошк.гр. 1 шт. </t>
  </si>
  <si>
    <t xml:space="preserve">Времена года.Большая поэзия.дошк.гр. 1 шт. </t>
  </si>
  <si>
    <t xml:space="preserve">Книга сказки дошк.гр. 1 шт. </t>
  </si>
  <si>
    <t xml:space="preserve">Большая энциклопедия по обучен.и развитию для маленьких дошк.гр. 1 шт. </t>
  </si>
  <si>
    <t xml:space="preserve">Хрестоматия детского чтения дошк.гр. 1 шт. </t>
  </si>
  <si>
    <t xml:space="preserve">Большая хрестоматия для чтения дошк. гр. 1 шт. </t>
  </si>
  <si>
    <t xml:space="preserve">Большая хрестоматия поэзия для детей дошк.гр. 1 шт. </t>
  </si>
  <si>
    <t xml:space="preserve">Библиотечный фонд 626 шт. </t>
  </si>
  <si>
    <t xml:space="preserve">Азбука юного пешехода 1 шт. </t>
  </si>
  <si>
    <t>Учебники (47 шт.)</t>
  </si>
  <si>
    <t>Учебники (14 шт.)</t>
  </si>
  <si>
    <t>Учебники (82 шт.)</t>
  </si>
  <si>
    <t>Учебники (17 шт.)</t>
  </si>
  <si>
    <t>Учебники (18 шт.)</t>
  </si>
  <si>
    <t>Библиотечный фонд (480 шт.)</t>
  </si>
  <si>
    <t>Большая Российская энциклопедия (3 шт.)</t>
  </si>
  <si>
    <t>Учебники (58 шт.)</t>
  </si>
  <si>
    <t>Учебники (128 шт.)</t>
  </si>
  <si>
    <t>Библиотечный фонд (855 шт.)</t>
  </si>
  <si>
    <t>Библиотечный фонд (32 шт.)</t>
  </si>
  <si>
    <t>Библиотечный фонд-художественная литература (53 шт.)</t>
  </si>
  <si>
    <t>Библиотечный фонд-художественная литература (3 шт.)</t>
  </si>
  <si>
    <t>Библиотечный фонд-художественная литература (247 шт.)</t>
  </si>
  <si>
    <t>Художественная литература (25 шт.)</t>
  </si>
  <si>
    <t>Библ.фонд (худож.литература) (25 шт.)</t>
  </si>
  <si>
    <t>Учебники (323 шт.)</t>
  </si>
  <si>
    <t>Библиотечный фонд (24 шт.)</t>
  </si>
  <si>
    <t>Библиотечный фонд (21 шт.)</t>
  </si>
  <si>
    <t>Библиотечный фонд-учебники (187 шт.)</t>
  </si>
  <si>
    <t>Библиотечный фонд-учебники (45 шт.)</t>
  </si>
  <si>
    <t>Библиотечный фонд-учебники (926 шт.)</t>
  </si>
  <si>
    <t>Библ.фонд (худож.литература) (2 шт.)</t>
  </si>
  <si>
    <t>Библиотечный фонд (учебники) (520 шт.)</t>
  </si>
  <si>
    <t>Библиотечный фонд (238 шт.)</t>
  </si>
  <si>
    <t>Библиотечный фонд (85 шт.)</t>
  </si>
  <si>
    <t>Художественная литература (18 шт.)</t>
  </si>
  <si>
    <t>Библиотечный фонд (20 шт.)</t>
  </si>
  <si>
    <t>Библиотечный фонд (16 шт.)</t>
  </si>
  <si>
    <t>Библиотечный фонд (1349 шт.)</t>
  </si>
  <si>
    <t>Библиотечный фонд (8 шт.)</t>
  </si>
  <si>
    <t>Жесткий диск WD Purple 2 шт.</t>
  </si>
  <si>
    <t>МФУ лазерный НР</t>
  </si>
  <si>
    <t>МОУ ДО "Большесельский Центр развития и творчества"</t>
  </si>
  <si>
    <t>Принтер лазерный Самсунг</t>
  </si>
  <si>
    <t>Монитор ЖК 18,5</t>
  </si>
  <si>
    <t>Сканер</t>
  </si>
  <si>
    <t xml:space="preserve">Светонакопительный план эвакуции людей и мат.цен. в случае возник. пожара </t>
  </si>
  <si>
    <t>Мультимедиа-проектор</t>
  </si>
  <si>
    <t>Экран настенный</t>
  </si>
  <si>
    <t>Системный блок AMD Athlon</t>
  </si>
  <si>
    <t>Факс Sharp FO85</t>
  </si>
  <si>
    <t>Швейная машина Bernette 2066</t>
  </si>
  <si>
    <t>Ультрабук Acer</t>
  </si>
  <si>
    <t>Ель искусств. "Сосна Крым."</t>
  </si>
  <si>
    <t xml:space="preserve">Машина швейная                                                                                                                                        </t>
  </si>
  <si>
    <t>Ноутбук Asus K501N T4200</t>
  </si>
  <si>
    <t>Принтер/копир/сканер</t>
  </si>
  <si>
    <t>принтер/сканер/копир</t>
  </si>
  <si>
    <t>Бензотриммер</t>
  </si>
  <si>
    <t>Ноутбук</t>
  </si>
  <si>
    <t>МФУ НР LaserJet Pro М1132</t>
  </si>
  <si>
    <t>Печь д/обжига керамики Welte WT20</t>
  </si>
  <si>
    <t>Гончарный круг Shimpo RK-55</t>
  </si>
  <si>
    <t>Раскатчик д/глиняных пластов</t>
  </si>
  <si>
    <t>Ноутбук Acer Aspire</t>
  </si>
  <si>
    <t>Микроскоп  Celestron Miсro 360</t>
  </si>
  <si>
    <t>Ноутбук Acer Extensa EX 2519 - POBD</t>
  </si>
  <si>
    <t>Ноутбук HP 15,6"</t>
  </si>
  <si>
    <t>Шкаф открытый 194 см</t>
  </si>
  <si>
    <t>Шкаф архивный</t>
  </si>
  <si>
    <t>Винтовка пневм. МР-512-22 (ств.обнов.диз.пласт.ложа) 51279</t>
  </si>
  <si>
    <t>Бытовка металлическая</t>
  </si>
  <si>
    <t>Стол раскладной</t>
  </si>
  <si>
    <t>Стол учебный</t>
  </si>
  <si>
    <t>Палатка 210 х150 х120</t>
  </si>
  <si>
    <t>Кулер напольн.</t>
  </si>
  <si>
    <t>Шкаф со стекл.дверц.</t>
  </si>
  <si>
    <t>Пылесос LG</t>
  </si>
  <si>
    <t>Ковер 2х4</t>
  </si>
  <si>
    <t>Шкаф жарочный DELTA-23</t>
  </si>
  <si>
    <t>Стол 4-х местный на регул.ножках</t>
  </si>
  <si>
    <t xml:space="preserve">Стол 2- х тумбовый                                                                                                                                    </t>
  </si>
  <si>
    <t xml:space="preserve">Подставка под ТСО с тумбой                                                                                                                            </t>
  </si>
  <si>
    <t xml:space="preserve">Палатка туристич.                                                                                                                                     </t>
  </si>
  <si>
    <t>Велотренажер ВС 5710</t>
  </si>
  <si>
    <t>Шкаф открытый 194 см.</t>
  </si>
  <si>
    <t>Доска пробковая алюмин. рамка</t>
  </si>
  <si>
    <t>Мягкая мебель беж.</t>
  </si>
  <si>
    <t>Лестница 10 ступ.</t>
  </si>
  <si>
    <t>Гантель разборная</t>
  </si>
  <si>
    <t>Набор стол+4 стула</t>
  </si>
  <si>
    <t>Мяч в/б Mikasa MVA 300</t>
  </si>
  <si>
    <t>Мяч в/б Mikasa MVA 200</t>
  </si>
  <si>
    <t>Палатка Atemi KARELIA 6 CX</t>
  </si>
  <si>
    <t>Мяч футзал SELECT</t>
  </si>
  <si>
    <t>Шкаф полузакрытый 800х450х2190</t>
  </si>
  <si>
    <t>Мяч ф/б SELECT</t>
  </si>
  <si>
    <t>Шкаф металлический усиленный, 2-х дверный, сварной, 4 полки</t>
  </si>
  <si>
    <t>Открытое плоскостное физкультурно-спортивное сооружение</t>
  </si>
  <si>
    <t>Стартовый комплекс для класса Lego Education «Технология и Физика»</t>
  </si>
  <si>
    <t>Стартовый комплекс для класса LEGO WEDO</t>
  </si>
  <si>
    <t>Книга «Библиотека Ярославской семьи» - 9 шт.</t>
  </si>
  <si>
    <t>Пылесос SAMSUNG</t>
  </si>
  <si>
    <t>МДБОУ Гостиловский детский сад"</t>
  </si>
  <si>
    <t>МФУ НР Laserjet Pro М1132 USB</t>
  </si>
  <si>
    <t>Электрорубильник</t>
  </si>
  <si>
    <t>Холодильник 2-х камерный  полуавтомат</t>
  </si>
  <si>
    <t>Фото Samsung S 830 B</t>
  </si>
  <si>
    <t>Проектор ЛЕХ</t>
  </si>
  <si>
    <t>Ноутбук ASUS R50C</t>
  </si>
  <si>
    <t>Насос К 20/30 4кВТ</t>
  </si>
  <si>
    <t>Насос</t>
  </si>
  <si>
    <t>Котел ЭПЗ 100 без щита</t>
  </si>
  <si>
    <t>Доска классная</t>
  </si>
  <si>
    <t>Водонагреватель "Аристон" 30л</t>
  </si>
  <si>
    <t>Тример Бензо Калибр БК-1480</t>
  </si>
  <si>
    <t>Холодильник Атлант 4008-000</t>
  </si>
  <si>
    <t>Насос UPS 32-60 GRUNDFOS</t>
  </si>
  <si>
    <t>Стиральная машина стандарт. Hotpoint-Ariston VML 7023B</t>
  </si>
  <si>
    <t>Спорт. комплекс."Лиана малая"</t>
  </si>
  <si>
    <t>Качели на пружине "Велосипед"</t>
  </si>
  <si>
    <t>Песочница с распашной крышкой</t>
  </si>
  <si>
    <t>Детский игровой комплекс</t>
  </si>
  <si>
    <t>Качалка-балансир</t>
  </si>
  <si>
    <t>Песочница "Бабочка"</t>
  </si>
  <si>
    <t>Бум "Дорожка-змейка"</t>
  </si>
  <si>
    <t>Комплект спальной игровой мебели</t>
  </si>
  <si>
    <t>Набор школьной библиотеки</t>
  </si>
  <si>
    <t>Стенка "Настенька"</t>
  </si>
  <si>
    <t>Кухня</t>
  </si>
  <si>
    <t>Игровая зона "Автобус"</t>
  </si>
  <si>
    <t>Шкаф для одежды дет.5-ти секц.</t>
  </si>
  <si>
    <t>Диван "Кроха" в раздевалку</t>
  </si>
  <si>
    <t>Стеллаж</t>
  </si>
  <si>
    <t>Шкаф 2х створ. с полками</t>
  </si>
  <si>
    <t>Шкаф 1 створчатый платяной</t>
  </si>
  <si>
    <t xml:space="preserve">Стол № 6 п/круглый                                                                                                                                    </t>
  </si>
  <si>
    <t>Электр. плита "Дарина"</t>
  </si>
  <si>
    <t>Водонагреватель "Аристон" 100л</t>
  </si>
  <si>
    <t>Видеоплеер LG-479</t>
  </si>
  <si>
    <t>Телевизор "Полар"</t>
  </si>
  <si>
    <t xml:space="preserve">Стол разделочный метал.                                                                                                                               </t>
  </si>
  <si>
    <t>Стол обеденный 6-местный</t>
  </si>
  <si>
    <t>Стол обеденный "Степ"</t>
  </si>
  <si>
    <t>Пылесос SAMSUNG SC - 4752</t>
  </si>
  <si>
    <t>Конструктор строит. XXL (36 элементов)</t>
  </si>
  <si>
    <t xml:space="preserve">Книга 1 шт.                                                                                                                                                 </t>
  </si>
  <si>
    <t>Учебники 12 шт.</t>
  </si>
  <si>
    <t>Метод.литература-8 шт.</t>
  </si>
  <si>
    <t>Справочник Пож.безоп. в образов.учрежд.+ CD</t>
  </si>
  <si>
    <t>Комплект основ.обяз.журналов по пож.безоп. (10 шт.)</t>
  </si>
  <si>
    <t>Холодильник "Атлант"</t>
  </si>
  <si>
    <t>МДОУ Дуниловский детский сад</t>
  </si>
  <si>
    <t>Пылесос Самсунг</t>
  </si>
  <si>
    <t>Фотоаппарат с картой памяти Nikon</t>
  </si>
  <si>
    <t>Сканер Philips</t>
  </si>
  <si>
    <t>Облучатель-рецикулятор</t>
  </si>
  <si>
    <t>Водонагреватель электр.АТТ</t>
  </si>
  <si>
    <t>Плита электр.с жароч.шкафом</t>
  </si>
  <si>
    <t>Конвектор Electrolux</t>
  </si>
  <si>
    <t>Комплект приточно-вытяжной вентиляции</t>
  </si>
  <si>
    <t>Облучатель-рецикулятор РБ-18-Я-ФП-02  настен.</t>
  </si>
  <si>
    <t>Водонагреватель электр. АТТ 30</t>
  </si>
  <si>
    <t xml:space="preserve">Кессон                                                                                                                                                </t>
  </si>
  <si>
    <t>Принтер/сканер/копир Samsung SCX4220</t>
  </si>
  <si>
    <t>Телевизор LG 21SA1RG</t>
  </si>
  <si>
    <t xml:space="preserve">Холодильник Бирюса                                                                                                                                    </t>
  </si>
  <si>
    <t xml:space="preserve">Холодильник Свияга                                                                                                                                    </t>
  </si>
  <si>
    <t xml:space="preserve">Электрическая мясорубка                                                                                                                               </t>
  </si>
  <si>
    <t>Ноутбук Lenovo Idea</t>
  </si>
  <si>
    <t>Интерактивное оборудование</t>
  </si>
  <si>
    <t>Принтер  KYOCERA Color P 5021 cdn</t>
  </si>
  <si>
    <t>Бензотриммер Forza F - 430</t>
  </si>
  <si>
    <t>Мясорубка VITEK VT – 3611 1500 Bт</t>
  </si>
  <si>
    <t>Насосная станция Grundfos JPA 4-47 PT-H с баком 24 л.</t>
  </si>
  <si>
    <t xml:space="preserve">Стол дидактический </t>
  </si>
  <si>
    <t>Игровая зона "Магазин"</t>
  </si>
  <si>
    <t>Кровать "Маша"</t>
  </si>
  <si>
    <t>Система очистки воды</t>
  </si>
  <si>
    <t>Уголок природы</t>
  </si>
  <si>
    <t xml:space="preserve">Тумба-кровать                                                                                                                                         </t>
  </si>
  <si>
    <t>Театральный уголок</t>
  </si>
  <si>
    <t xml:space="preserve">Стол-ромашка на рег. ножках                                                                                                                           </t>
  </si>
  <si>
    <t>Стиральная машина Атлант</t>
  </si>
  <si>
    <t>Стенка дет. с плат.шкафом</t>
  </si>
  <si>
    <t>Стеллаж СТКН-1200/500</t>
  </si>
  <si>
    <t>Спорт уголок</t>
  </si>
  <si>
    <t>Зона развив. игр</t>
  </si>
  <si>
    <t xml:space="preserve">Дорожка ковровая                                                                                                                                      </t>
  </si>
  <si>
    <t>Полка подвесная (сушка)</t>
  </si>
  <si>
    <t xml:space="preserve">Стенд "Эконом - галерея "Авиатор"  </t>
  </si>
  <si>
    <t>Стенд "Для Вас родители"</t>
  </si>
  <si>
    <t>Тумба 2-х створч.</t>
  </si>
  <si>
    <t>Шкаф для докум.</t>
  </si>
  <si>
    <t>Диван "Дошкольник" 2-х мест.</t>
  </si>
  <si>
    <t>Ель искуствен. 240 см</t>
  </si>
  <si>
    <t>Шторы</t>
  </si>
  <si>
    <t>Шкаф хозяйственный Практик 4 шт.</t>
  </si>
  <si>
    <t>Полотенечница 2 яруса 10 мест</t>
  </si>
  <si>
    <t>Стол производ. без борта</t>
  </si>
  <si>
    <t>Стол производственный с бортом</t>
  </si>
  <si>
    <t>Стол компьютерный, левый, 3-ящ., подвес.тумба</t>
  </si>
  <si>
    <t>Планшет для рисования песком</t>
  </si>
  <si>
    <t>Качалка-балансир «Лошадки»</t>
  </si>
  <si>
    <t>Песочница «Опушка» с  крышкой</t>
  </si>
  <si>
    <t>Палатка игровая с тоннелем</t>
  </si>
  <si>
    <t>Модель «Червячок»</t>
  </si>
  <si>
    <t>Качалка – балансир «Машинки»</t>
  </si>
  <si>
    <t>Горка детская</t>
  </si>
  <si>
    <t>Стол со скамейками "Зонтик"</t>
  </si>
  <si>
    <t>Ворота футбольные</t>
  </si>
  <si>
    <t>Спортивный комплекс «Дельфинарий»</t>
  </si>
  <si>
    <t>Карусель с рулём</t>
  </si>
  <si>
    <t>Качель-диван</t>
  </si>
  <si>
    <t>Центр для экспериментов с песком и водой</t>
  </si>
  <si>
    <t xml:space="preserve">Методические пособия 27 шт. </t>
  </si>
  <si>
    <t>Забор металический</t>
  </si>
  <si>
    <t>МДОУ Большесельский детский сад "Березка"</t>
  </si>
  <si>
    <t>Теневой навес</t>
  </si>
  <si>
    <t xml:space="preserve">Аккордеон Заря                                                                                                                                        </t>
  </si>
  <si>
    <t>Ванна моечная</t>
  </si>
  <si>
    <t>Ванна моечная двойная</t>
  </si>
  <si>
    <t>Внутреннее электроснабжение (щиты, выключатели автоматические)</t>
  </si>
  <si>
    <t xml:space="preserve">Пианино Ноктюрн                                                                                                                                       </t>
  </si>
  <si>
    <t>Динамометр кистевой ДК-25</t>
  </si>
  <si>
    <t>Снегоуборочная машина HYUNDAI</t>
  </si>
  <si>
    <t>Шкаф жарочный + (МВО)</t>
  </si>
  <si>
    <t>Пульт контроля  и управления (пожарная сигнализация)</t>
  </si>
  <si>
    <t>Тестомесительная машина настольная</t>
  </si>
  <si>
    <t>Стол - холодильник</t>
  </si>
  <si>
    <t>Системный блок +програм.обесп.+антивирус</t>
  </si>
  <si>
    <t>Системный блок Wexler</t>
  </si>
  <si>
    <t>Узел учета тепловой энергии (установка)</t>
  </si>
  <si>
    <t>Комплект автоматики  п/с П 1 (вентиляция)</t>
  </si>
  <si>
    <t>Овощерезка  с дисками</t>
  </si>
  <si>
    <t>Плита электрическая ;4 комфорки;открытый шкаф</t>
  </si>
  <si>
    <t>Привод универсальный</t>
  </si>
  <si>
    <t>Машина сушильная ASCO TD - V1329A4</t>
  </si>
  <si>
    <t xml:space="preserve">Холодильник Саратов                                                                                                                                   </t>
  </si>
  <si>
    <t xml:space="preserve">Холодильный ларь                                                                                                                                      </t>
  </si>
  <si>
    <t>Холодильный шкаф для хранения медикаментов, вакцин</t>
  </si>
  <si>
    <t>Холодильный шкаф для хранения медикаментов,вакцин</t>
  </si>
  <si>
    <t>Компьютер в сборе "Секретарь"</t>
  </si>
  <si>
    <t>МФУ с лазерной  печатью  Brother</t>
  </si>
  <si>
    <t>МФУ с лазерной печатью Brother</t>
  </si>
  <si>
    <t>Экран на треноге PROJECTA 178х178</t>
  </si>
  <si>
    <t>Телевизор бытовой д-64 см с встроенным DVD-проигрывателем</t>
  </si>
  <si>
    <t xml:space="preserve">Телевизор Самсунг                                                                                                                                     </t>
  </si>
  <si>
    <t>Ноутбук ASUS K52N P320 4GB</t>
  </si>
  <si>
    <t>Картофелечистка производ. 80 кг/час</t>
  </si>
  <si>
    <t>Котел пищеварочный 60 л.</t>
  </si>
  <si>
    <t>Лазерный принтер НР</t>
  </si>
  <si>
    <t>Маршрутизатор</t>
  </si>
  <si>
    <t>Местный островной вентиляционный отсос</t>
  </si>
  <si>
    <t>Монитор  LCO</t>
  </si>
  <si>
    <t>Монитор LCD ACER</t>
  </si>
  <si>
    <t>Монитор LCO ACER</t>
  </si>
  <si>
    <t>Муз.центр</t>
  </si>
  <si>
    <t xml:space="preserve">Персональный компьютер                                                                                                                                </t>
  </si>
  <si>
    <t xml:space="preserve">Перфоратор                                                                                                                                            </t>
  </si>
  <si>
    <t xml:space="preserve">Сканер- принтер                                                                                                                                       </t>
  </si>
  <si>
    <t>Тепловая завеса "Тропик" М-3</t>
  </si>
  <si>
    <t>Триммер мотокоса</t>
  </si>
  <si>
    <t>Узел регулирования системы П -1 ОБ ( система теплоснабжения калориферов)</t>
  </si>
  <si>
    <t>Факс Panasonic KX-FP218</t>
  </si>
  <si>
    <t>Факсимильный аппарат Panasonic</t>
  </si>
  <si>
    <t>Холодильник "Атлант 365-00"</t>
  </si>
  <si>
    <t xml:space="preserve">Холодильник "Бирюса"                                                                                                                                  </t>
  </si>
  <si>
    <t>Шкаф холодильный с глухой дверью (большой) V - 650л.</t>
  </si>
  <si>
    <t>Уличная камера Infinity</t>
  </si>
  <si>
    <t>Уличная камера видеонаб.</t>
  </si>
  <si>
    <t>Монитор цвет. На 2 видеопанели</t>
  </si>
  <si>
    <t>Пожарный ящик для песка</t>
  </si>
  <si>
    <t>Машина углошлиф-ная Интерскол 900Вт</t>
  </si>
  <si>
    <t>Дрель</t>
  </si>
  <si>
    <t>Ноутбук 15.6 ASUS</t>
  </si>
  <si>
    <t>МФУ HP LaserJet Pro</t>
  </si>
  <si>
    <t>Видеокамера Canon LEGRIA</t>
  </si>
  <si>
    <t>Колонки 2.0 Defender Mercury</t>
  </si>
  <si>
    <t>Облучатель-рециркулятор СН-211-130</t>
  </si>
  <si>
    <t>Компьютер для специалиста</t>
  </si>
  <si>
    <t>Принтер струйный Epson L805+компл.чернил</t>
  </si>
  <si>
    <t>Мультимедийный проектор BenQ M X806ST</t>
  </si>
  <si>
    <t>Экран настенный Classic Lyra</t>
  </si>
  <si>
    <t>Ноутбук Lenovo IdeaPad</t>
  </si>
  <si>
    <t>Облучатель -рециркулятор ПДС-60-Р настенный</t>
  </si>
  <si>
    <t>Видеокамера ST – 2008 (версия 4) цветная, уличная</t>
  </si>
  <si>
    <t>Холодильник LG GA – B 379 UGDA</t>
  </si>
  <si>
    <t>Водосчётчик ОСВУ - 40</t>
  </si>
  <si>
    <t>Сушильная машина Asko TDC112 C G</t>
  </si>
  <si>
    <t>Стиральная машина Asko W 6454 W</t>
  </si>
  <si>
    <t>Прибор приёмно-контрольный Сигнал – 20 М</t>
  </si>
  <si>
    <t>Ноутбук Acer Aspire ES1-732-P665чёрный 17,3»</t>
  </si>
  <si>
    <t>Водонагреватель Электролюкс EW H 50</t>
  </si>
  <si>
    <t>Плита эл.ЭП – 2 ЖШ (лицо нерж.) КЭТ – 0,09</t>
  </si>
  <si>
    <t>Снегоуборщик DDE ST 9071 LE</t>
  </si>
  <si>
    <t>Подрезчик FS – 250 диск 2 – зуб.230мм.</t>
  </si>
  <si>
    <t>Мультимедиа проектор Epson EB – X05</t>
  </si>
  <si>
    <t>Экран с электроприводом Classic Lyra 157x157</t>
  </si>
  <si>
    <t>Ноутбук Acer Aspire ES1-732-P9CK 17,3"</t>
  </si>
  <si>
    <t>МФУ HP Laser Pro MFP M 132 rw</t>
  </si>
  <si>
    <t xml:space="preserve">Трактор                                                                                                                                               </t>
  </si>
  <si>
    <t>Батут детский д.- 1,00 м</t>
  </si>
  <si>
    <t>Батут детский д.- 1,20 м</t>
  </si>
  <si>
    <t>Бревно гимнастическое дл.- 2 м</t>
  </si>
  <si>
    <t>Весы ВМЭН - 150-50/100</t>
  </si>
  <si>
    <t>Письменный стол врача</t>
  </si>
  <si>
    <t>План эвакуации</t>
  </si>
  <si>
    <t>Стол письменный 900х600х750</t>
  </si>
  <si>
    <t>Стол пристенный</t>
  </si>
  <si>
    <t>Стол производственный  с полкой и бортом</t>
  </si>
  <si>
    <t>Стеллаж для хранения инвентаря</t>
  </si>
  <si>
    <t>Стеллаж кондитерский</t>
  </si>
  <si>
    <t>Стеллаж кухонный</t>
  </si>
  <si>
    <t xml:space="preserve">стеллаж кухонный                                                                                                                                      </t>
  </si>
  <si>
    <t>Стеллаж производственный</t>
  </si>
  <si>
    <t>Стеллаж широкий 770х365х1796 темный</t>
  </si>
  <si>
    <t>Гимнастическая скамейка длиной 1,30 м</t>
  </si>
  <si>
    <t>Вешалка для полотенец настенная 600*100*750 мм (5 крючков)</t>
  </si>
  <si>
    <t>Вешалка для полотенец настенная 600*100*750 мм(5 крючков)</t>
  </si>
  <si>
    <t>Шкаф для одежды персонала</t>
  </si>
  <si>
    <t xml:space="preserve">Шкаф для пособий </t>
  </si>
  <si>
    <t>Шкаф для санитарной одежды</t>
  </si>
  <si>
    <t>Шкаф для хранения чистого белья</t>
  </si>
  <si>
    <t>Шкаф для верхней одежды и обуви детей</t>
  </si>
  <si>
    <t>Шкаф для верхней одежды персонала 822*430*2150</t>
  </si>
  <si>
    <t>Шкаф для горшков</t>
  </si>
  <si>
    <t>Шкаф для горшков  на 15 мест</t>
  </si>
  <si>
    <t>Шкаф для горшков на 10 мест</t>
  </si>
  <si>
    <t>Стол универсальный 1600х700х746</t>
  </si>
  <si>
    <t>Ларь для овощей секционный</t>
  </si>
  <si>
    <t>Стойка для прыжков 600*650*1500</t>
  </si>
  <si>
    <t>Стойка для цветов</t>
  </si>
  <si>
    <t>Корзина для сбора грязного белья</t>
  </si>
  <si>
    <t>Корзина для сбора чистого белья</t>
  </si>
  <si>
    <t>Указатель пожарного водоёма</t>
  </si>
  <si>
    <t>Комплект мягкой мебели Малютка</t>
  </si>
  <si>
    <t>Комплект "Цветочек"</t>
  </si>
  <si>
    <t>Колода разр.дуб на жел. подставке</t>
  </si>
  <si>
    <t xml:space="preserve">Стол компьютерный                                                                                                                                     </t>
  </si>
  <si>
    <t>Доска ребристая длиной 1,50м</t>
  </si>
  <si>
    <t>Кровать детская</t>
  </si>
  <si>
    <t>Подиум-горка</t>
  </si>
  <si>
    <t>Машина</t>
  </si>
  <si>
    <t>Машина стиральная Miele PW 6131</t>
  </si>
  <si>
    <t>Электрокипятильник 100 л.</t>
  </si>
  <si>
    <t>Поликлиника</t>
  </si>
  <si>
    <t>Полоса препятствий №1</t>
  </si>
  <si>
    <t>Дорожка беговая детская</t>
  </si>
  <si>
    <t>Дорожка Змейка - Канатная №1</t>
  </si>
  <si>
    <t>Тележка  сервировочная</t>
  </si>
  <si>
    <t>Тележка для белья</t>
  </si>
  <si>
    <t>Тележка сервировочная</t>
  </si>
  <si>
    <t>Гардероб темный 770х365х1796</t>
  </si>
  <si>
    <t>Диван Малютка</t>
  </si>
  <si>
    <t>Доска напольная передвижная</t>
  </si>
  <si>
    <t>Ель сибирская</t>
  </si>
  <si>
    <t>Жалюзи верт.белый + св.зеленый 230х175</t>
  </si>
  <si>
    <t>Жалюзи верт.голубой 225х150</t>
  </si>
  <si>
    <t>Жалюзи вертик. Бали св.голуб. 225х195</t>
  </si>
  <si>
    <t>Жалюзи вертик.белые 225х195</t>
  </si>
  <si>
    <t>Жалюзи вертик.белый 225х195</t>
  </si>
  <si>
    <t>Жалюзи вертик.белый+сиреневый 220х220</t>
  </si>
  <si>
    <t>Жалюзи пласт.белый  225х150</t>
  </si>
  <si>
    <t>Игровая зона "Кухня"</t>
  </si>
  <si>
    <t>Каток гладильный PF - 580</t>
  </si>
  <si>
    <t>Комплект для кукол "Спальня"</t>
  </si>
  <si>
    <t>Кухня малютка</t>
  </si>
  <si>
    <t>Кухня угловая</t>
  </si>
  <si>
    <t>Кушетка медицинская</t>
  </si>
  <si>
    <t>Мат гимнастический большой</t>
  </si>
  <si>
    <t>Медицинский манипуляционный столик в комплекте со стулом</t>
  </si>
  <si>
    <t>Медицинский манипуляционный столик со стеклянной крышкой</t>
  </si>
  <si>
    <t>Медицинский шкаф для инструмента</t>
  </si>
  <si>
    <t>Мишень "Деревце"</t>
  </si>
  <si>
    <t>Мясорубка производ.</t>
  </si>
  <si>
    <t>Набор игровой мебели</t>
  </si>
  <si>
    <t xml:space="preserve">Радиатор                                                                                                                                              </t>
  </si>
  <si>
    <t xml:space="preserve">Радиатор 9секц.                                                                                                                                       </t>
  </si>
  <si>
    <t>Сетка заградительная</t>
  </si>
  <si>
    <t>Спортивный комплекс "Гимнаст" №2</t>
  </si>
  <si>
    <t>Спортивный уголок</t>
  </si>
  <si>
    <t>Спортивный уголок подвижной</t>
  </si>
  <si>
    <t>Стенка "Алёнушка"</t>
  </si>
  <si>
    <t>Стенка "Грибок" 310*30*140</t>
  </si>
  <si>
    <t>Стенка для игрушек 265*42*140</t>
  </si>
  <si>
    <t>Стенка прямая 340*30*140</t>
  </si>
  <si>
    <t>Стол воспитателя</t>
  </si>
  <si>
    <t>Стол детский двухмест. с наклон.крышки до 30 гр.</t>
  </si>
  <si>
    <t>Стол дидактический</t>
  </si>
  <si>
    <t>Стол эргономический 1400х900х700х746</t>
  </si>
  <si>
    <t xml:space="preserve">Уголок для спортинвентаря                                                                                                                             </t>
  </si>
  <si>
    <t>Уголок доктора</t>
  </si>
  <si>
    <t>Уголок ИЗО</t>
  </si>
  <si>
    <t>Уголок книголюба</t>
  </si>
  <si>
    <t>Уголок природы 1</t>
  </si>
  <si>
    <t>Хозяйственный шкаф 500*300*2050мм</t>
  </si>
  <si>
    <t xml:space="preserve">Шкаф                                                                                                                                                  </t>
  </si>
  <si>
    <t xml:space="preserve">Шкаф 3-х дверный                                                                                                                                      </t>
  </si>
  <si>
    <t>Шкаф Бостон-062</t>
  </si>
  <si>
    <t>Шкаф вентилируемый для сушки одежды 700*700*1200мм</t>
  </si>
  <si>
    <t>Шкаф для медицинской документации</t>
  </si>
  <si>
    <t>Шкаф для одежды 2- створчатый</t>
  </si>
  <si>
    <t xml:space="preserve">Шкаф для одежды 3-х секционный                                                                                                                        </t>
  </si>
  <si>
    <t xml:space="preserve">Шкаф для одежды 4-х секционный                                                                                                                        </t>
  </si>
  <si>
    <t>Шкаф металлическ. 2-х секц.</t>
  </si>
  <si>
    <t>Шкаф металлическ.2-х секц,</t>
  </si>
  <si>
    <t>Шкаф навесной  для чистой посуды с сушилкой</t>
  </si>
  <si>
    <t>Шкаф уборочного инвентаря и дезосредств</t>
  </si>
  <si>
    <t>Шкаф хлебный</t>
  </si>
  <si>
    <t>Шкаф хозяйственный металлический ШР - 22</t>
  </si>
  <si>
    <t>Электроводонагреватель</t>
  </si>
  <si>
    <t>Электроводонагреватель проточный</t>
  </si>
  <si>
    <t xml:space="preserve">Палас 2*4                                                                                                                                             </t>
  </si>
  <si>
    <t>Парикмахерская</t>
  </si>
  <si>
    <t>Двери ПВХ</t>
  </si>
  <si>
    <t>Шкаф банкетка 5-ти секц.</t>
  </si>
  <si>
    <t>Шкаф банкетка 3-х секц.</t>
  </si>
  <si>
    <t>Шкаф банкетка 2-х секц.</t>
  </si>
  <si>
    <t>Кровать выкатная 3-х ярусная с тумбой</t>
  </si>
  <si>
    <t>Стенд «Визитка детского сада» 150х110 см</t>
  </si>
  <si>
    <t>Лаз</t>
  </si>
  <si>
    <t>Горка</t>
  </si>
  <si>
    <t>Качель-балансир «Слоник»</t>
  </si>
  <si>
    <t>Стол</t>
  </si>
  <si>
    <t>Горка малая двойная</t>
  </si>
  <si>
    <t>Качель на пружине двойная</t>
  </si>
  <si>
    <t>Качель малая</t>
  </si>
  <si>
    <t>Шкаф 5-и секционный цветной</t>
  </si>
  <si>
    <t>Детский шкаф для раздевалки 5-секц.</t>
  </si>
  <si>
    <t>Детский шкаф для раздевалки  5-ти секц.</t>
  </si>
  <si>
    <t>Детский шкаф для раздевалки  3-х секц.</t>
  </si>
  <si>
    <t>Детский шкаф для раздевалки  2-х секц.</t>
  </si>
  <si>
    <t>Детский шкаф для раздевалки  2-х секц. 648х352х1350</t>
  </si>
  <si>
    <t>Гардероб с 5-ю полками</t>
  </si>
  <si>
    <t>Стол-приставка</t>
  </si>
  <si>
    <t>Тумба выкатная с замком</t>
  </si>
  <si>
    <t>Шкаф напольный со столешницей</t>
  </si>
  <si>
    <t>Шкаф навесной на 750 мм</t>
  </si>
  <si>
    <t>Шкаф навесной на 500 мм</t>
  </si>
  <si>
    <t>Шкаф навесной на 600 мм</t>
  </si>
  <si>
    <t>Шкаф-колонка напольная</t>
  </si>
  <si>
    <t>Мольберт «Теремок»</t>
  </si>
  <si>
    <t>Шкаф 2-х секц. На металлакарк.</t>
  </si>
  <si>
    <t>Шкаф 4-х секц. 1200х352х1350</t>
  </si>
  <si>
    <t>Кровать ЛДСП 1240х600х640 цвет бук</t>
  </si>
  <si>
    <t>Кровать ЛДСП 1440х600х640 цвет бук</t>
  </si>
  <si>
    <t>Столик со скамьями</t>
  </si>
  <si>
    <t>Игровой элемент «Машинка»</t>
  </si>
  <si>
    <t>Качели маятниковые</t>
  </si>
  <si>
    <t>Змейка</t>
  </si>
  <si>
    <t>Спортивный элемент «Лиана»</t>
  </si>
  <si>
    <t>Баскетбольная стойка</t>
  </si>
  <si>
    <t>Бревно</t>
  </si>
  <si>
    <t>Беседка</t>
  </si>
  <si>
    <t>Доска аудит.одноэлемент.</t>
  </si>
  <si>
    <t>Игровая зона «Комплект цветок»</t>
  </si>
  <si>
    <t>Стенка для игрушек</t>
  </si>
  <si>
    <t>Тумба для аквариума</t>
  </si>
  <si>
    <t>Уголок творчества</t>
  </si>
  <si>
    <t>Набор спальной мебели игр.зона</t>
  </si>
  <si>
    <t>Игр.зона «Комплект цветок»</t>
  </si>
  <si>
    <t>Лиана средняя</t>
  </si>
  <si>
    <t>Карусель с рулем</t>
  </si>
  <si>
    <t>Шкаф хозяйственно-бытовой Практик</t>
  </si>
  <si>
    <t>Кресло Carolina беж.флок</t>
  </si>
  <si>
    <t>Костюм «Осень»</t>
  </si>
  <si>
    <t>Костюм «Скоморох»</t>
  </si>
  <si>
    <t>Кровать дет. выкатная 3-х ярусная с тумбой</t>
  </si>
  <si>
    <t>Шкаф для горшков детский</t>
  </si>
  <si>
    <t>Шкаф - купе</t>
  </si>
  <si>
    <t>Шкаф для игрушек</t>
  </si>
  <si>
    <t>Комплект мягкой мебели «Цветок»</t>
  </si>
  <si>
    <t>Шкаф для методических пособий</t>
  </si>
  <si>
    <t>Детский диван</t>
  </si>
  <si>
    <t>Шкаф для методических пособий и игрушек</t>
  </si>
  <si>
    <t xml:space="preserve">Учебное пособие 5 шт.                                                                                                                                       </t>
  </si>
  <si>
    <t xml:space="preserve">Конспекты 7 шт.                                                                                                                                             </t>
  </si>
  <si>
    <t xml:space="preserve">Библиотека 25 шт.                                                                                                                                            </t>
  </si>
  <si>
    <t>Книга «Библиотека Ярославской семьи» 9 шт.</t>
  </si>
  <si>
    <t>Водонагреватель Гарантерм</t>
  </si>
  <si>
    <t>МДОУ Байковский детский сад</t>
  </si>
  <si>
    <t>Ноутбук ASUS A 52JU</t>
  </si>
  <si>
    <t>Котёл ЭПЗ 100</t>
  </si>
  <si>
    <t>Рециркулятор СН 111-115</t>
  </si>
  <si>
    <t>Цифровая камера SONY W6 10B Black</t>
  </si>
  <si>
    <t>Водонагреватель Аристон 50л</t>
  </si>
  <si>
    <t>Насос циркуляционный</t>
  </si>
  <si>
    <t>Триммербензокалибр БК-1250</t>
  </si>
  <si>
    <t xml:space="preserve">Холодильник бытовой                                                                                                                                   </t>
  </si>
  <si>
    <t xml:space="preserve">Холодильник Апшерон                                                                                                                                   </t>
  </si>
  <si>
    <t xml:space="preserve">Холодильник Смоленск                                                                                                                                  </t>
  </si>
  <si>
    <t>Щит учёта электроэнергии (установка)</t>
  </si>
  <si>
    <t>Электрокотёл ЭПЗ-100</t>
  </si>
  <si>
    <t>Принтер Epson Stilus SХ 125</t>
  </si>
  <si>
    <t>Контактор ИЭК КТИ-5185 185А 220В/АС3</t>
  </si>
  <si>
    <t>Телевизор Daewoo KR 21 J1s</t>
  </si>
  <si>
    <t>Сканер Canon CanoScan Lide 110</t>
  </si>
  <si>
    <t>Плита электрическая ЭП-4ЖШ</t>
  </si>
  <si>
    <t>Контактор КТИ-5185 185А 230В/АСЗ ИЭК</t>
  </si>
  <si>
    <t>Водоочиститель NEO</t>
  </si>
  <si>
    <t>Контактор КТИ-5150 150А 220В ИЭК</t>
  </si>
  <si>
    <t>Ретранслятор усилитель сотового сигнала ATNJ AS-W3</t>
  </si>
  <si>
    <t>Стол Ромашка</t>
  </si>
  <si>
    <t xml:space="preserve">Водонагреватель                                                                                                                                       </t>
  </si>
  <si>
    <t>Дорожка войлочная</t>
  </si>
  <si>
    <t>Поликлиника (6 предметов)</t>
  </si>
  <si>
    <t>Стенка прямая</t>
  </si>
  <si>
    <t>Стиральная машина SAMSUNG WF-F861</t>
  </si>
  <si>
    <t xml:space="preserve">Стиральная машина                                                                                                                                     </t>
  </si>
  <si>
    <t>Шкаф МНЦ</t>
  </si>
  <si>
    <t>Парикмахерская "Золушка"</t>
  </si>
  <si>
    <t>Магазин с кассой</t>
  </si>
  <si>
    <t>Коврик массажный со следочками</t>
  </si>
  <si>
    <t>Стол разделочный</t>
  </si>
  <si>
    <t>Шкаф детский 5-секц.</t>
  </si>
  <si>
    <t>Шкаф 4-секц.</t>
  </si>
  <si>
    <t>Скамейка гимнастическая</t>
  </si>
  <si>
    <t>Шкаф для хоз.инвентаря</t>
  </si>
  <si>
    <t>Шкаф хозяйст.однодверный «Практик»</t>
  </si>
  <si>
    <t>Шкаф для  одежды глубокий</t>
  </si>
  <si>
    <t>Комплект штор из вуали</t>
  </si>
  <si>
    <t>Мясорубка электрическая</t>
  </si>
  <si>
    <t>Горка для улицы мин.</t>
  </si>
  <si>
    <t>Набор «Кукольный театр» 10 персонажей + домик</t>
  </si>
  <si>
    <t>Карнавал.костюм «Дед Мороз» (взрослый)</t>
  </si>
  <si>
    <t>Полка МДФ ольха</t>
  </si>
  <si>
    <t>Песочница «Опушка» с чехлом</t>
  </si>
  <si>
    <t>Балансир «Забава» одинарная</t>
  </si>
  <si>
    <t>Разновысокое бревно «Гусеница-1»</t>
  </si>
  <si>
    <t>Стеллаж для игрушек</t>
  </si>
  <si>
    <t>Металлическое ограждение (42 пог.м.)</t>
  </si>
  <si>
    <t>МДОУ Вареговский детский сад</t>
  </si>
  <si>
    <t>Металлическое ограждение (13 пог.м.)</t>
  </si>
  <si>
    <t>Теневой навес для детей</t>
  </si>
  <si>
    <t xml:space="preserve">Триммер бензиновый Work Master BC-1250 </t>
  </si>
  <si>
    <t>Электрическая плита с жарочным шкафом</t>
  </si>
  <si>
    <t xml:space="preserve">Холодильник                                                                                                                                           </t>
  </si>
  <si>
    <t>Персональный компьютер</t>
  </si>
  <si>
    <t>Магнитофон LG SB -74 USB</t>
  </si>
  <si>
    <t>Принтер/сканер/копир Samsung SCX4600</t>
  </si>
  <si>
    <t>Сканер Canon</t>
  </si>
  <si>
    <t>Зонт вытяжной</t>
  </si>
  <si>
    <t>Шкаф жарочный DELTA-24</t>
  </si>
  <si>
    <t>Рециркулятор бактерицидный передвиж.</t>
  </si>
  <si>
    <t>Весы настольные электр.</t>
  </si>
  <si>
    <t>Ноутбук ASUS x 540</t>
  </si>
  <si>
    <t>Интерактивная доска Yesvision BS80</t>
  </si>
  <si>
    <t>Проектор VIEWSONIC PJD5353LS</t>
  </si>
  <si>
    <t>Шкаф  жарочный ШД-1</t>
  </si>
  <si>
    <t>Стенд "Информация"</t>
  </si>
  <si>
    <t>Полотеничница 2-х ярусная</t>
  </si>
  <si>
    <t xml:space="preserve">Зона развивающих игр                                                                                                                                  </t>
  </si>
  <si>
    <t>Ёлка искусственная 2,1м</t>
  </si>
  <si>
    <t xml:space="preserve">Водонагреватель Аристон                                                                                                                               </t>
  </si>
  <si>
    <t xml:space="preserve">Водонагреватель  (Термекс)                                                                                                                                     </t>
  </si>
  <si>
    <t>Уголок спортивного инвентаря</t>
  </si>
  <si>
    <t>Весы фасовач.ВРО5</t>
  </si>
  <si>
    <t>Котел эл.водонагрев.ОАSIS (50л)</t>
  </si>
  <si>
    <t>Котел эл.водонагр.ОАSIS (30л)</t>
  </si>
  <si>
    <t>Игровая зона "Машенька"</t>
  </si>
  <si>
    <t>Мольберт 2-х сторонний</t>
  </si>
  <si>
    <t>Кухня "Карина"</t>
  </si>
  <si>
    <t xml:space="preserve">Обогреватель "Оникс-15"                                                                                                                               </t>
  </si>
  <si>
    <t>Стол компьютерный с надстройкой</t>
  </si>
  <si>
    <t xml:space="preserve">Стол "Ромашка" на регул.ножках                                                                                                                        </t>
  </si>
  <si>
    <t>Стол "Капелька"</t>
  </si>
  <si>
    <t>Стенд "Визитка детского сада"</t>
  </si>
  <si>
    <t>Стеллаж СТК -1200/400</t>
  </si>
  <si>
    <t>Уголок художника</t>
  </si>
  <si>
    <t>Стол раздаточный</t>
  </si>
  <si>
    <t xml:space="preserve">Стол производ.без борта                                                                                                                               </t>
  </si>
  <si>
    <t>Шкаф д/одежды</t>
  </si>
  <si>
    <t>Холодильник Саратов КШ-120</t>
  </si>
  <si>
    <t>Шкаф аптечный (4 ящ.)</t>
  </si>
  <si>
    <t>Шкаф широкий закр.</t>
  </si>
  <si>
    <t>Горшечница 30х30х25 на 12 мест</t>
  </si>
  <si>
    <t>Стеллаж с решет.полками</t>
  </si>
  <si>
    <t>Сейф</t>
  </si>
  <si>
    <t>Песочница с крышкой</t>
  </si>
  <si>
    <t>Шкаф детский 2-х секц.</t>
  </si>
  <si>
    <t>Раскладушка</t>
  </si>
  <si>
    <t>Пылесос KARCHER MV / WD3 Premium</t>
  </si>
  <si>
    <t>Мясорубка POLARIS PMG1836</t>
  </si>
  <si>
    <t>Шкаф для сушки посуды</t>
  </si>
  <si>
    <t>Центр воды и песка</t>
  </si>
  <si>
    <t>Игровая зона «Автобус»</t>
  </si>
  <si>
    <t>Игровая зона «Автомобиль»</t>
  </si>
  <si>
    <t>Книжная выставка</t>
  </si>
  <si>
    <t>Детская игровая мебель</t>
  </si>
  <si>
    <t>Скамья парковая</t>
  </si>
  <si>
    <t>Скамейка детская «Пароходик»</t>
  </si>
  <si>
    <t>Скамейка детская «Овечка»</t>
  </si>
  <si>
    <t>Стол со скамьёй «Уголок»</t>
  </si>
  <si>
    <t>Стол со скамьями «Прямоугольник»</t>
  </si>
  <si>
    <t>Столик песочный</t>
  </si>
  <si>
    <t>Детский турник</t>
  </si>
  <si>
    <t>Мишень «Маргарита»</t>
  </si>
  <si>
    <t>Спортивное оборудование</t>
  </si>
  <si>
    <t>Стиральная машина автомат</t>
  </si>
  <si>
    <t>Тюль</t>
  </si>
  <si>
    <t>Шкаф закрытый д/документов</t>
  </si>
  <si>
    <t>Универсальная мобильная стойка для интерактивной доски UMS - 2</t>
  </si>
  <si>
    <t>Декорация «Избушка»</t>
  </si>
  <si>
    <t>Декорация «Весенняя яблоня»</t>
  </si>
  <si>
    <t>Сухой бассейн «Квадратный»</t>
  </si>
  <si>
    <t>Спортивный уголок детский</t>
  </si>
  <si>
    <t>Тренажер «Гребной»</t>
  </si>
  <si>
    <t>Велотренажер детский</t>
  </si>
  <si>
    <t>Стенд «Наше творчество» 1000х2500</t>
  </si>
  <si>
    <t>Качалка на пружине «Бригантина»</t>
  </si>
  <si>
    <t>Карусель 6-местная</t>
  </si>
  <si>
    <t>Горка средняя</t>
  </si>
  <si>
    <t>Домик с часами</t>
  </si>
  <si>
    <t>Качалка на пружине «Баги»</t>
  </si>
  <si>
    <t>Игровая зона «Три ступени»</t>
  </si>
  <si>
    <t>Книги 49 шт.</t>
  </si>
  <si>
    <t xml:space="preserve">Библиотека 1 шт.                                                                                                                                            </t>
  </si>
  <si>
    <t>Забор металлич.</t>
  </si>
  <si>
    <t>МДОУ Новосельский детский сад</t>
  </si>
  <si>
    <t>Забор металл</t>
  </si>
  <si>
    <t>Бензопила STIHL MS250</t>
  </si>
  <si>
    <t>Ноутбук АSUS</t>
  </si>
  <si>
    <t xml:space="preserve">Холодильник - мороз. Атлант </t>
  </si>
  <si>
    <t xml:space="preserve">Телевизор                                                                                                                                             </t>
  </si>
  <si>
    <t>Принтер \копир\сканер Canon</t>
  </si>
  <si>
    <t>Факс Sharp F085</t>
  </si>
  <si>
    <t>Сканер CANON</t>
  </si>
  <si>
    <t xml:space="preserve">DVD                                                                                                                                                   </t>
  </si>
  <si>
    <t>Плита электрич. с жароч.шкафом</t>
  </si>
  <si>
    <t>Тепловая завеса Neoclima ТЗС-306</t>
  </si>
  <si>
    <t>Водонагреватель FAIS NTS-50 FA</t>
  </si>
  <si>
    <t xml:space="preserve">Телевизор с антенной Shivaki STV-2175                                                                                                                                            </t>
  </si>
  <si>
    <t>МДОУ Новосельский детский сад (пост. От 30.01.2015 № 81)</t>
  </si>
  <si>
    <t>Облучатель – рециркулятор СН-111-115</t>
  </si>
  <si>
    <t>Экран- настенный LUMIEN</t>
  </si>
  <si>
    <t>Проектор InFocus IN220</t>
  </si>
  <si>
    <t>Цифровой фотоаппарат NIKON</t>
  </si>
  <si>
    <t>Принтер EPSON L 312 струйный</t>
  </si>
  <si>
    <t>Морозильник DON R – 105 B</t>
  </si>
  <si>
    <t>Тепловая пушка эл. BFLLU BHP-PE-3</t>
  </si>
  <si>
    <t>Облучатель-рециркулятор Armed CH 111-115</t>
  </si>
  <si>
    <t>Швейная машина VLK Napoli 2500</t>
  </si>
  <si>
    <t>Пылесос ручной VITEK VT - 8101</t>
  </si>
  <si>
    <t>Пылесос ручной VITEK VT – 8104</t>
  </si>
  <si>
    <t>Триммер бензин. PATRIOT</t>
  </si>
  <si>
    <t>Водонагреватель 30 л. OASIS V-30L</t>
  </si>
  <si>
    <t>Завеса тепловая 3 кВт</t>
  </si>
  <si>
    <t>Насос циркуляционный 25-80</t>
  </si>
  <si>
    <t>Стиральная машина INDESIT загрузка 8 кг</t>
  </si>
  <si>
    <t>Телевизор LED SAMSUNG UE32J4500AKXRU</t>
  </si>
  <si>
    <t>Холодильник Саратов 263 двухкамерный</t>
  </si>
  <si>
    <t>Перфоратор De WALT D 25134 K</t>
  </si>
  <si>
    <t>Струйный принтер EPSON Stylus Photo L312</t>
  </si>
  <si>
    <t>Стеллаж 1500х400х1850</t>
  </si>
  <si>
    <t>Скамейка</t>
  </si>
  <si>
    <t>Коврик со следочками</t>
  </si>
  <si>
    <t>Шкаф навесной для посуды</t>
  </si>
  <si>
    <t xml:space="preserve">Насос                                                                                                                                                 </t>
  </si>
  <si>
    <t>Стенка детская</t>
  </si>
  <si>
    <t>Мишень для метания</t>
  </si>
  <si>
    <t>Детский велотренажер</t>
  </si>
  <si>
    <t>Беговая дорожка детская</t>
  </si>
  <si>
    <t>Тренажер "Бегущий по волнам"</t>
  </si>
  <si>
    <t>Полотенечница 6-ти секц.</t>
  </si>
  <si>
    <t>Угловой диван</t>
  </si>
  <si>
    <t>Шкаф для одежды 4-х секц.</t>
  </si>
  <si>
    <t>Тоннель для подлезания 5 секц</t>
  </si>
  <si>
    <t>Балансирующая дорожка</t>
  </si>
  <si>
    <t>Детская полоса препятствий</t>
  </si>
  <si>
    <t>Спортивно - игровой набор №1</t>
  </si>
  <si>
    <t>Ковры 1,5*2,3,1,6*2,4</t>
  </si>
  <si>
    <t xml:space="preserve">Шкаф для одежды "Радуга" с банкетками                                                                                                                 </t>
  </si>
  <si>
    <t>Шкаф для одежды " сек. "Радуга" с банкетками</t>
  </si>
  <si>
    <t>Холодильник Indesit</t>
  </si>
  <si>
    <t xml:space="preserve">Стол-ромашка                                                                                                                                          </t>
  </si>
  <si>
    <t>Кушетка мед.смотровая</t>
  </si>
  <si>
    <t>Стол переговоров</t>
  </si>
  <si>
    <t>Стол «Капелька» 100х56х75</t>
  </si>
  <si>
    <t>Кровать Мишутка с рисунком</t>
  </si>
  <si>
    <t>Горка «Пеликан»</t>
  </si>
  <si>
    <t>Горка «Башня»</t>
  </si>
  <si>
    <t>Качелька 3-х местная</t>
  </si>
  <si>
    <t>Качели «Трио»</t>
  </si>
  <si>
    <t>Мишень «Деревце»</t>
  </si>
  <si>
    <t>Спортивный комплекс «Светафор»</t>
  </si>
  <si>
    <t>Шкаф с зеркалом (ольха)</t>
  </si>
  <si>
    <t>Шкаф хозяйственный серый</t>
  </si>
  <si>
    <t>Стол обеденный «Степ»</t>
  </si>
  <si>
    <t>Мясорубка SCARLETT</t>
  </si>
  <si>
    <t>Водонагреватель NTS 10UR PL</t>
  </si>
  <si>
    <t>Гостиная «Макарена»</t>
  </si>
  <si>
    <t>Комод</t>
  </si>
  <si>
    <t>Доска передвижная поворотная, магнит., мел+маркер</t>
  </si>
  <si>
    <t>Стол производственный 600х600х870</t>
  </si>
  <si>
    <t>Витрина для книг</t>
  </si>
  <si>
    <t>Уголок «ИЗО»</t>
  </si>
  <si>
    <t>Стол однотумбовый с 3-мя ящиками</t>
  </si>
  <si>
    <t>Костюм «Деда Мороза»</t>
  </si>
  <si>
    <t>Стол журнальный чёрный/мат. белый</t>
  </si>
  <si>
    <t>Шкаф под документы широкий полуоткр.</t>
  </si>
  <si>
    <t>Шкаф под докум. широкий закрытый</t>
  </si>
  <si>
    <t>Шкаф офисный 4 двери с нишей под докум.</t>
  </si>
  <si>
    <t>Стенд «Айболит советует»</t>
  </si>
  <si>
    <t>Стенд «Для Вас родители»»</t>
  </si>
  <si>
    <t>Стенд «Наше творчество»</t>
  </si>
  <si>
    <t>Стенд «Наши будни и праздники»</t>
  </si>
  <si>
    <t>Стенд «Вот так мы живём»</t>
  </si>
  <si>
    <t>Стенд «Для Вас родители»</t>
  </si>
  <si>
    <t>Стенд «Наше творчество» 115х125</t>
  </si>
  <si>
    <t>Стенд-книжка «Информация»</t>
  </si>
  <si>
    <t>Игровая зона «Набор спальной мебели»</t>
  </si>
  <si>
    <t>Зеркало «Рыбка»</t>
  </si>
  <si>
    <t>Дет.игровая мебель «Ромашка»</t>
  </si>
  <si>
    <t>Дидактический мат «Цветок»</t>
  </si>
  <si>
    <t>Уголок ряженья</t>
  </si>
  <si>
    <t>Диван Матрикс из 3 элем.</t>
  </si>
  <si>
    <t>Ворота игровые с сеткой 180х110</t>
  </si>
  <si>
    <t>Стол д/рисования песком</t>
  </si>
  <si>
    <t>Муз. инструменты набор</t>
  </si>
  <si>
    <t>Уголок уюта «Люкс»</t>
  </si>
  <si>
    <t>Качалка «Балансир»</t>
  </si>
  <si>
    <t>Столик № 2</t>
  </si>
  <si>
    <t>Машинка с горкой</t>
  </si>
  <si>
    <t>Паровозик «Добрая улитка»</t>
  </si>
  <si>
    <t>Тумба с мойкой</t>
  </si>
  <si>
    <t>Мясорубка BOSCH MFW45020</t>
  </si>
  <si>
    <t>Тумба под мойку с полкой</t>
  </si>
  <si>
    <t>Мойка накладная из нерж. стали</t>
  </si>
  <si>
    <t>Мойка двойная 600х800</t>
  </si>
  <si>
    <t>Комод № 3 белен.дуб</t>
  </si>
  <si>
    <t>Костюм театральный «Снегурочка»</t>
  </si>
  <si>
    <t>Игровая панель «Счёты со столиком»</t>
  </si>
  <si>
    <t>Дорожка «Змейка 2»</t>
  </si>
  <si>
    <t>Дорожка «Кружки»</t>
  </si>
  <si>
    <t>Скамейка «Овечка»</t>
  </si>
  <si>
    <t>Лестница-стремянка трёхсекционная алюмин.</t>
  </si>
  <si>
    <t>Ель искусственная</t>
  </si>
  <si>
    <t>Книги 1 (4 шт.)</t>
  </si>
  <si>
    <t xml:space="preserve">Книги 4 шт.                                                                                                                                                 </t>
  </si>
  <si>
    <t xml:space="preserve">Книги 2 шт.                                                                                                                                                </t>
  </si>
  <si>
    <t xml:space="preserve">Книги 5 шт.                                                                                                                                                 </t>
  </si>
  <si>
    <t>Ограждение</t>
  </si>
  <si>
    <t>МОУ Бакунинская основная общеобразовательная школа</t>
  </si>
  <si>
    <t>КАМИ Компьютер HP 3500 Pro MT Core i3</t>
  </si>
  <si>
    <t xml:space="preserve">КАМИ Монитор Acer </t>
  </si>
  <si>
    <t>КАМИ МФУ Samsung SCX 4727</t>
  </si>
  <si>
    <t xml:space="preserve">КАМИ ИБП Ippon Back </t>
  </si>
  <si>
    <t>КАМИ Ноутбук ThinkPad L530</t>
  </si>
  <si>
    <t xml:space="preserve">КАМИ Короткофокусный пректор </t>
  </si>
  <si>
    <t>КАМИ Документ камера</t>
  </si>
  <si>
    <t>КАМИ Интерактивная доска</t>
  </si>
  <si>
    <t>КАМИ Интерактивная система тестирования</t>
  </si>
  <si>
    <t>Точка доступа беспроводной локальной сети "Rover" W156</t>
  </si>
  <si>
    <t xml:space="preserve">Ноутбук RoverBook Neo 510 (ученик) </t>
  </si>
  <si>
    <t>Ноутбук RoverBook Neo 511 (педагог)</t>
  </si>
  <si>
    <t xml:space="preserve">Брусья гимнастические                                                                                                                                 </t>
  </si>
  <si>
    <t>Видеокамера цифровая Soni</t>
  </si>
  <si>
    <t xml:space="preserve">Компьютер                                                                                                                                             </t>
  </si>
  <si>
    <t xml:space="preserve">Копировальный аппарат                                                                                                                                 </t>
  </si>
  <si>
    <t>Монитор ЖК</t>
  </si>
  <si>
    <t>Монитор ЖК19</t>
  </si>
  <si>
    <t>Муз.центр Samsunq MAX KX750</t>
  </si>
  <si>
    <t>ноутбук</t>
  </si>
  <si>
    <t>ПК З911 Эконом</t>
  </si>
  <si>
    <t>Принтер лазерный HP Laserjet P1005</t>
  </si>
  <si>
    <t>Программа MS Office для дома и учёбы</t>
  </si>
  <si>
    <t>Системный блок Intel Pentium</t>
  </si>
  <si>
    <t xml:space="preserve">Станок токарно-винторезный                                                                                                                            </t>
  </si>
  <si>
    <t xml:space="preserve">Станок фуговальный с циркулярной пилой                                                                                                                </t>
  </si>
  <si>
    <t xml:space="preserve">Стол верстак универсальный                                                                                                                            </t>
  </si>
  <si>
    <t>телевизор Samsunq CS</t>
  </si>
  <si>
    <t>телефон - факс PANASONIK KX-FT 904RU</t>
  </si>
  <si>
    <t xml:space="preserve">Трансформатор                                                                                                                                         </t>
  </si>
  <si>
    <t>умывальник электрич. "Мойдодыр"</t>
  </si>
  <si>
    <t xml:space="preserve">Усилитель Арта                                                                                                                                        </t>
  </si>
  <si>
    <t>Фотокамера Sanyo VPC -Т 850 цифр</t>
  </si>
  <si>
    <t xml:space="preserve">Холодильник Океан                                                                                                                                     </t>
  </si>
  <si>
    <t>Комплект учебного оборудования (ООО "Синто")</t>
  </si>
  <si>
    <t>Ноутбук Lenovo Think Pad L520</t>
  </si>
  <si>
    <t>Компьютерный комплекс "СИНТО"</t>
  </si>
  <si>
    <t>Принтер  Canon LBP-6020B</t>
  </si>
  <si>
    <t>Кипятильник Hurakan HKN – HVD25</t>
  </si>
  <si>
    <t>Компьютер SINTO Office ATX,Intel G 4400 в сборе</t>
  </si>
  <si>
    <t>Принтер XEROX  Phaser 3260 DNI лазерный</t>
  </si>
  <si>
    <t>Насос КМ 50-32-125-5 агрегат 80В2Ж 2,2 кВт 3000 об/мин (ЭНЕРАЛ)</t>
  </si>
  <si>
    <t>Комплект учебно -лаболаторного оборудования кабинетов естествознания ИП Збразски</t>
  </si>
  <si>
    <t>Термос нержавейка (9 л.)</t>
  </si>
  <si>
    <t>Термос нержавейка ( 9л.)</t>
  </si>
  <si>
    <t>Кулер для воды напольный</t>
  </si>
  <si>
    <t>беговая дорожка  механ.АТ 205</t>
  </si>
  <si>
    <t xml:space="preserve">муз. центр ЭЛ.ДЖИ                                                                                                                                     </t>
  </si>
  <si>
    <t xml:space="preserve">Набор школьной библиотеки                                                                                                                             </t>
  </si>
  <si>
    <t xml:space="preserve">Парта "Осанка"                                                                                                                                        </t>
  </si>
  <si>
    <t xml:space="preserve">принтер                                                                                                                                               </t>
  </si>
  <si>
    <t xml:space="preserve">стол  ученический                                                                                                                                     </t>
  </si>
  <si>
    <t xml:space="preserve">стол компьютерный                                                                                                                                     </t>
  </si>
  <si>
    <t xml:space="preserve">стол письменный                                                                                                                                       </t>
  </si>
  <si>
    <t>Умывальник "Мойдодыр" с нагр.воды</t>
  </si>
  <si>
    <t>фитнес тренажер хаус фит  ДН-87411 рандер</t>
  </si>
  <si>
    <t>Холодильник Саратов 263</t>
  </si>
  <si>
    <t xml:space="preserve">шкаф вытяжн. для каб хим. демон. Н                                                                                                                    </t>
  </si>
  <si>
    <t>Документ-камера AVer Vision СР-135</t>
  </si>
  <si>
    <t>Микроволновая печь MIDEA 20л.</t>
  </si>
  <si>
    <t>Банкетка полумягкая борд.кожзам.</t>
  </si>
  <si>
    <t>Миникухня РИНГ КМ 214 свет.дуб</t>
  </si>
  <si>
    <t>Стол обеден.прямоуг.</t>
  </si>
  <si>
    <t>Учебники 13 шт.</t>
  </si>
  <si>
    <t>Учебное пособие 5 шт.</t>
  </si>
  <si>
    <t>Зинин С.А. Литература 9 класс 4 шт.</t>
  </si>
  <si>
    <t>Кравченко А.И. Обществознание 9 класс 4 шт.</t>
  </si>
  <si>
    <t xml:space="preserve">Моро М.И. Математика 3 класс 4 шт. </t>
  </si>
  <si>
    <t>Плешаков А.А. Окружающий мир 3 класс 4 шт.</t>
  </si>
  <si>
    <t>Бим И.Л. Немецкий язык 3 класс 1 часть 4 шт.</t>
  </si>
  <si>
    <t>Бим И.Л. Немецкий язык 3 класс 2 часть 4 шт.</t>
  </si>
  <si>
    <t>Учебники 4 шт.</t>
  </si>
  <si>
    <t>Книга 5 шт.</t>
  </si>
  <si>
    <t>Учебники "Мнемозина" г/к 67 (1 шт.)</t>
  </si>
  <si>
    <t>Учебник нем.яз. 7 кл. 5 шт.</t>
  </si>
  <si>
    <t>Библиотечный фонд 242 шт.</t>
  </si>
  <si>
    <t xml:space="preserve">Артезианская скважина                                                                                                                                 </t>
  </si>
  <si>
    <t>МОУ Благовещенская средняя общеобразовательная школа</t>
  </si>
  <si>
    <t xml:space="preserve">Насосная водокачка                                                                                                                                    </t>
  </si>
  <si>
    <t xml:space="preserve">Спортивная площадка                                                                                                                                   </t>
  </si>
  <si>
    <t xml:space="preserve">Ноутбуки RoverBook Neo 510 (ученик) </t>
  </si>
  <si>
    <t xml:space="preserve">Ноутбуки RoverBook Neo 510 (педагог) </t>
  </si>
  <si>
    <t>КАМИ Короткофокусный проектор Epson EB 425 W</t>
  </si>
  <si>
    <t>Водонагреватель Thermex</t>
  </si>
  <si>
    <t>Водонагреватель Ariston</t>
  </si>
  <si>
    <t>Фотоаппарат цифр. SAMSUNG</t>
  </si>
  <si>
    <t>Видеорегистратор HD DWR 5000</t>
  </si>
  <si>
    <t xml:space="preserve">КАМИ Документ камера </t>
  </si>
  <si>
    <t>КАМИ Компьютер учителя Lenovo ThinkCentre</t>
  </si>
  <si>
    <t>КАМИ Монитор  Acer</t>
  </si>
  <si>
    <t>Интерактивный аппаратно-программый комплекс</t>
  </si>
  <si>
    <t xml:space="preserve">Атлетический центр                                                                                                                                    </t>
  </si>
  <si>
    <t xml:space="preserve">Велотренажер                                                                                                                                          </t>
  </si>
  <si>
    <t>Верстак комбинированный</t>
  </si>
  <si>
    <t>Водонагреватель ARISTON ABS PRO50L</t>
  </si>
  <si>
    <t>Принтер (Комбайн hp Laserfet M 1005)</t>
  </si>
  <si>
    <t xml:space="preserve">Электроводонагреватель                                                                                                                                </t>
  </si>
  <si>
    <t>Электрокотел</t>
  </si>
  <si>
    <t>Электрокотел ЭПЗ-100</t>
  </si>
  <si>
    <t>КАМИ МФУ Samsung SCX</t>
  </si>
  <si>
    <t>Комплект компьютерного оборудования "СИНТО" г/к 73</t>
  </si>
  <si>
    <t>Тахограф</t>
  </si>
  <si>
    <t>КАМИ ИБП Ippon Back</t>
  </si>
  <si>
    <t>Котел ЭПЗ 100</t>
  </si>
  <si>
    <t>Материнская плата</t>
  </si>
  <si>
    <t>Монитор 19 "Samsung"</t>
  </si>
  <si>
    <t>Насос К 20/30</t>
  </si>
  <si>
    <t>Ноутбук Acer ASPIRE 3693WLMI</t>
  </si>
  <si>
    <t>Ноутбук Fsus Z99He</t>
  </si>
  <si>
    <t xml:space="preserve">Печь микроволновая                                                                                                                                    </t>
  </si>
  <si>
    <t>Принтер HP Loser 1020</t>
  </si>
  <si>
    <t>Проектор</t>
  </si>
  <si>
    <t xml:space="preserve">Скамья со стойками                                                                                                                                    </t>
  </si>
  <si>
    <t>Станок фуговальный</t>
  </si>
  <si>
    <t xml:space="preserve">Стол теннисный                                                                                                                                        </t>
  </si>
  <si>
    <t>Телевизор "LG"</t>
  </si>
  <si>
    <t xml:space="preserve">Телевизор Vestel                                                                                                                                       </t>
  </si>
  <si>
    <t>Телефон-Алкотел</t>
  </si>
  <si>
    <t>Телефон-факс  SHARPFO-55</t>
  </si>
  <si>
    <t>Холодильник VESTEL GN330CE</t>
  </si>
  <si>
    <t>Точка доступа для беспроводной сети "Rover" W156</t>
  </si>
  <si>
    <t>Ноутбук 15,6</t>
  </si>
  <si>
    <t>Холодильник BEKO</t>
  </si>
  <si>
    <t>Котёл ЭПЗ-100</t>
  </si>
  <si>
    <t>Плита Hansa</t>
  </si>
  <si>
    <t>Ноутбук LENOVO IdeaPad 100-15IBY.15.6</t>
  </si>
  <si>
    <t>Пылесос</t>
  </si>
  <si>
    <t>Насос К 20/30 с двигателем</t>
  </si>
  <si>
    <t>Принтер BROTHER HL – 1112R лазерный</t>
  </si>
  <si>
    <t>Ноутбук 15,6 диагональ</t>
  </si>
  <si>
    <t>Экран 180 х 180 см</t>
  </si>
  <si>
    <t>Проектор BENG M S506</t>
  </si>
  <si>
    <t>МФУ лазерное BROTHER DCP – L 2500DR</t>
  </si>
  <si>
    <t>МФУ лазерное BROTHER DCP – 1512R (принтер, копир, сканер)</t>
  </si>
  <si>
    <t>МФУ лазерное BROTHER DCP – L2500DR</t>
  </si>
  <si>
    <t>Автобус ПАЗ 32053-70</t>
  </si>
  <si>
    <t xml:space="preserve">Муз. центр                                                                                                                                            </t>
  </si>
  <si>
    <t>Кушетка медицин.смотр.</t>
  </si>
  <si>
    <t xml:space="preserve">Копиров. аппарат                                                                                                                                      </t>
  </si>
  <si>
    <t>Комплекс "Дидактика 2-3"</t>
  </si>
  <si>
    <t>Система видеонаблюдения</t>
  </si>
  <si>
    <t>Комплект спальной мебели</t>
  </si>
  <si>
    <t>Докумен-камера АVer Vision CP 135</t>
  </si>
  <si>
    <t xml:space="preserve">Фотоаппарат Olimpus с-160                                                                                                                             </t>
  </si>
  <si>
    <t xml:space="preserve">Шкаф вытяжной                                                                                                                                         </t>
  </si>
  <si>
    <t>Шкаф с накл. мойкой</t>
  </si>
  <si>
    <t xml:space="preserve">Шкаф широкий со стеклом                                                                                                                               </t>
  </si>
  <si>
    <t xml:space="preserve">Щит 2х. тариф. учета                                                                                                                                  </t>
  </si>
  <si>
    <t xml:space="preserve">Щит управления                                                                                                                                        </t>
  </si>
  <si>
    <t xml:space="preserve">Эл.двигатель                                                                                                                                          </t>
  </si>
  <si>
    <t>Щит баскетбольный (Спорт. инвентарь АрМед)</t>
  </si>
  <si>
    <t>Стол разделочный СР-2/600/600</t>
  </si>
  <si>
    <t>Стол разделочный СР-2/1200/600</t>
  </si>
  <si>
    <t>Стол дидакт. с пуфиками</t>
  </si>
  <si>
    <t>Стол дидакт. малый с наполнением</t>
  </si>
  <si>
    <t>Доска настенная 3-элементная ДН-33М</t>
  </si>
  <si>
    <t xml:space="preserve">Диван                                                                                                                                                 </t>
  </si>
  <si>
    <t>Стеллажи</t>
  </si>
  <si>
    <t>Скамья силовая Liderta</t>
  </si>
  <si>
    <t>Комплект уч-лаб. оборуд по физике ООО "Фарм"</t>
  </si>
  <si>
    <t>Комплект уч-лаб. оборуд. каб. биологии ИП Збразский Т.М.</t>
  </si>
  <si>
    <t>Комплект уч-лаб оборуд. по химии ИП Збразский</t>
  </si>
  <si>
    <t>Весы</t>
  </si>
  <si>
    <t>Водонагреватель THERMEX H 10-0</t>
  </si>
  <si>
    <t>Стол компьют. левый</t>
  </si>
  <si>
    <t>Стол-ромашка</t>
  </si>
  <si>
    <t>Стол офисный угловой</t>
  </si>
  <si>
    <t>Детская беговая дорожка</t>
  </si>
  <si>
    <t>Кухня малая детская</t>
  </si>
  <si>
    <t>Мольберт</t>
  </si>
  <si>
    <t xml:space="preserve">Стол компьютерн. расшир.                                                                                                                              </t>
  </si>
  <si>
    <t>Стол д/настольн. тенниса</t>
  </si>
  <si>
    <t>Рамка плакатная 200 п/м</t>
  </si>
  <si>
    <t xml:space="preserve">Принтер Canon                                                                                                                                         </t>
  </si>
  <si>
    <t>Плита электр. Н-Вятка</t>
  </si>
  <si>
    <t xml:space="preserve">Насос к 8/18                                                                                                                                          </t>
  </si>
  <si>
    <t xml:space="preserve">Насос к 20/30                                                                                                                                         </t>
  </si>
  <si>
    <t xml:space="preserve">Набор шк мебели                                                                                                                                       </t>
  </si>
  <si>
    <t>Стол-ромашка на рег. ножках</t>
  </si>
  <si>
    <t>Стеллаж с перфорир.полками</t>
  </si>
  <si>
    <t>Тумба 2-х створ. с нишей</t>
  </si>
  <si>
    <t>Шкаф 1-ств. с полками и дверью</t>
  </si>
  <si>
    <t>Комод с 4-мя ящиками</t>
  </si>
  <si>
    <t>Сухой бассейн с шарами</t>
  </si>
  <si>
    <t>Стол офисный угловой ( без панели д/клавиатуры)</t>
  </si>
  <si>
    <t>Доска передвижная</t>
  </si>
  <si>
    <t>Доска трехэлементная меловая</t>
  </si>
  <si>
    <t>Стол производственный пристенный СПРП-1506 ц</t>
  </si>
  <si>
    <t>Кресло компьютерное «Престиж» чёрное</t>
  </si>
  <si>
    <t>Шкаф 2-х створчатый платяной с полками</t>
  </si>
  <si>
    <t>Стол демонстрационный физический</t>
  </si>
  <si>
    <t>Стеллаж СКП – 150/60/430</t>
  </si>
  <si>
    <t xml:space="preserve">Библиотечный фонд 6348 шт.                                                                                                                                     </t>
  </si>
  <si>
    <t>Учебники 51 шт.</t>
  </si>
  <si>
    <t xml:space="preserve">Библиотечный фонд 93 шт.                                                                                                                                     </t>
  </si>
  <si>
    <t>Учебники (43 шт.)</t>
  </si>
  <si>
    <t xml:space="preserve">Библиотечный фонд 30 шт.                                                                                                                                     </t>
  </si>
  <si>
    <t>Учебники (20 шт.)</t>
  </si>
  <si>
    <t xml:space="preserve">Библиотечный фонд 8 шт.                                                                                                                                     </t>
  </si>
  <si>
    <t>Учебники (7 шт.)</t>
  </si>
  <si>
    <t>Учебники (28 шт.)</t>
  </si>
  <si>
    <t>Учебники (221 шт.)</t>
  </si>
  <si>
    <t>Учебники (33 шт.)</t>
  </si>
  <si>
    <t>Учебники (85 шт.)</t>
  </si>
  <si>
    <t>Учебники (56 шт.)</t>
  </si>
  <si>
    <t>Учебники (73 шт.)</t>
  </si>
  <si>
    <t>Учебники (23 шт.)</t>
  </si>
  <si>
    <t>Учебники (220 шт.)</t>
  </si>
  <si>
    <t>МОУ Вареговская средняя общеобразовательная школа</t>
  </si>
  <si>
    <t>Памятный знак (камень)</t>
  </si>
  <si>
    <t>Автомат Калашникова учебный</t>
  </si>
  <si>
    <t>Ванна моечная ВСМ -2/430-0</t>
  </si>
  <si>
    <t>Ванна моечная ВСМ-2/430-0</t>
  </si>
  <si>
    <t>Ванна моечная ВСМ-2/600-0</t>
  </si>
  <si>
    <t>Ванна моечная ВСМ-3/430-0</t>
  </si>
  <si>
    <t>Ванна- рукомойник</t>
  </si>
  <si>
    <t>Весы напольные электр.САS DL-100</t>
  </si>
  <si>
    <t>Весы товарн. электрон. CAS SW - 5w</t>
  </si>
  <si>
    <t>Весы товарные электр.CAS PW-11-02</t>
  </si>
  <si>
    <t>Пила бензо STIL-180</t>
  </si>
  <si>
    <t>Сковорода электр.</t>
  </si>
  <si>
    <t xml:space="preserve">Водонагреватель эл. АТТ 15                                                                                                                            </t>
  </si>
  <si>
    <t>Видеокамера SONY DCR-HC27E</t>
  </si>
  <si>
    <t>Видеорегистратор HD DVR 5000</t>
  </si>
  <si>
    <t>Шкаф жароч. 2-х секцион.</t>
  </si>
  <si>
    <t>Проектор Beng</t>
  </si>
  <si>
    <t>Терминал WIDE-IPDSS</t>
  </si>
  <si>
    <t xml:space="preserve">Тренажер                                                                                                                                              </t>
  </si>
  <si>
    <t xml:space="preserve">Системный блок ученика                                                                                                                                </t>
  </si>
  <si>
    <t xml:space="preserve">Системный блок учителя                                                                                                                                </t>
  </si>
  <si>
    <t>Копир CANON FC-128</t>
  </si>
  <si>
    <t xml:space="preserve">Монитор учителя                                                                                                                                       </t>
  </si>
  <si>
    <t xml:space="preserve">Швейная машина Janome                                                                                                                                 </t>
  </si>
  <si>
    <t xml:space="preserve">Прилавок- витрина охлажд. </t>
  </si>
  <si>
    <t>Принтер HP Color LaserJet CP 12</t>
  </si>
  <si>
    <t>Машина  овощерезательная</t>
  </si>
  <si>
    <t xml:space="preserve">Компьютер OLDI </t>
  </si>
  <si>
    <t>Компьютер OLDI</t>
  </si>
  <si>
    <t>Мультимедийный проектор</t>
  </si>
  <si>
    <t>МФУ CANON</t>
  </si>
  <si>
    <t>МФУ Canon I-Sensys MF3010</t>
  </si>
  <si>
    <t xml:space="preserve">МФУ Canon I-Sensys MF3010 </t>
  </si>
  <si>
    <t>Экран Dinon Tripod</t>
  </si>
  <si>
    <t>Измерительный модуль</t>
  </si>
  <si>
    <t>Ноутбук 15"6"</t>
  </si>
  <si>
    <t>Газонокосилка</t>
  </si>
  <si>
    <t>Документ-камера</t>
  </si>
  <si>
    <t>Документ-камера A Ver Vision CP 135</t>
  </si>
  <si>
    <t>Интернет-контроль сервер</t>
  </si>
  <si>
    <t>КАМИ  Интерактивная система тестирования</t>
  </si>
  <si>
    <t>КАМИ Компьютер учителя  Lenovo ThinkCentre</t>
  </si>
  <si>
    <t>КАМИ Короткофокусный проектор Epson EB 425W</t>
  </si>
  <si>
    <t>КАМИ Монитор Acer</t>
  </si>
  <si>
    <t>Картофелечистка</t>
  </si>
  <si>
    <t>Комплект учебного оборудование</t>
  </si>
  <si>
    <t>Компрессор воздушный</t>
  </si>
  <si>
    <t xml:space="preserve">Компьютор OLDI Office 130                                                                                                                             </t>
  </si>
  <si>
    <t>Машины для перераб. овощей</t>
  </si>
  <si>
    <t>Микрофон безпроводной</t>
  </si>
  <si>
    <t xml:space="preserve">Монитор  18,5 "LCD Acer </t>
  </si>
  <si>
    <t xml:space="preserve">Монитор "18,5"                                                                                                                                        </t>
  </si>
  <si>
    <t>Монитор 18,5 "LCD Acer</t>
  </si>
  <si>
    <t>Монитор 18,5" LCD Acer</t>
  </si>
  <si>
    <t>Монитор 1916</t>
  </si>
  <si>
    <t>Монитор TFT17 Beng</t>
  </si>
  <si>
    <t>Монитор TFT20 Samsung</t>
  </si>
  <si>
    <t>Музыкальный центр Samsung ММ Д 530 Д</t>
  </si>
  <si>
    <t>Мультимедиа-проектор  EPSON</t>
  </si>
  <si>
    <t>Мультимедиа-проектор EPSON</t>
  </si>
  <si>
    <t>Настенный экран Lumiem Master 203х203</t>
  </si>
  <si>
    <t>Ноутбук Lenovo Think Pod L 520</t>
  </si>
  <si>
    <t>Ноутбук RoverBook Neo 510 (ученик)</t>
  </si>
  <si>
    <t xml:space="preserve">Ноутбук RoverBook Neo 511 (педагог) </t>
  </si>
  <si>
    <t>Плата расширения</t>
  </si>
  <si>
    <t>Плита электр. с жароч. шкафом</t>
  </si>
  <si>
    <t>Телевизор  "VR"</t>
  </si>
  <si>
    <t>Устройство заземления</t>
  </si>
  <si>
    <t>Фотоаппарат FUJIFILM</t>
  </si>
  <si>
    <t>Хлеборезка ТR-350 PY HL</t>
  </si>
  <si>
    <t>Цифров.фотоаппарат   Nikon S51</t>
  </si>
  <si>
    <t>Шкаф холодильный  СМ 105</t>
  </si>
  <si>
    <t>Шкаф холодильный СМ 107</t>
  </si>
  <si>
    <t>Шкаф холодильный СС 214</t>
  </si>
  <si>
    <t>Активная акустическая система Behringer B 1 12 D Eurolive</t>
  </si>
  <si>
    <t>Маршрутизатор D-Link DSR-250N</t>
  </si>
  <si>
    <t>Проектор VIEWSON IC PA502S белый</t>
  </si>
  <si>
    <t>Проектор VIEWSONIC PA503S</t>
  </si>
  <si>
    <t>МФУ лазерный KYOCERA Ecosys M 2135DN</t>
  </si>
  <si>
    <t>Проектор BENG M S 527белый</t>
  </si>
  <si>
    <t>Ноутбук ASUS X540YA – X0047T 15,6" черный</t>
  </si>
  <si>
    <t xml:space="preserve">DVD 92 SOC                                                                                                                                            </t>
  </si>
  <si>
    <t xml:space="preserve">Водонагреватель "Polaris "                                                                                                                            </t>
  </si>
  <si>
    <t>Стол производ. для мойки овощей</t>
  </si>
  <si>
    <t>Стол производ. специализ.</t>
  </si>
  <si>
    <t>Стол производ. СР - 3/950/600 - 0</t>
  </si>
  <si>
    <t>Стол производ. СР - 3/950/600 -0</t>
  </si>
  <si>
    <t>Стол производ. СР - 3/950/600-0</t>
  </si>
  <si>
    <t>Стол производ. СР- 3/950/600-0</t>
  </si>
  <si>
    <t xml:space="preserve">Стеллаж </t>
  </si>
  <si>
    <t>Стеллаж для тарелок</t>
  </si>
  <si>
    <t>Стеллаж кухон. СТК - 1200/600-0</t>
  </si>
  <si>
    <t>Стеллаж кухон. СТР - 115/1500 - 0</t>
  </si>
  <si>
    <t>Стеллаж кухонный СТР - 115/1200 - 0</t>
  </si>
  <si>
    <t>Стенд "Уголок безопас. дорожн. движения"</t>
  </si>
  <si>
    <t xml:space="preserve">Стенд информац.                                                                                                                                       </t>
  </si>
  <si>
    <t>Кипятильник  наливной БЭ- 20/3</t>
  </si>
  <si>
    <t>Вибромассажер электрич.АМ 1200</t>
  </si>
  <si>
    <t>Шкаф для хранения хлеба</t>
  </si>
  <si>
    <t>Шкаф вытяжной перегородка</t>
  </si>
  <si>
    <t>Термос армейский нерж. 12 л.</t>
  </si>
  <si>
    <t>Термос армейский нерж. 6 л.</t>
  </si>
  <si>
    <t>Трансформатор универс.</t>
  </si>
  <si>
    <t>Тренажёр силовой  универс.</t>
  </si>
  <si>
    <t>Ларь для хранения картофеля</t>
  </si>
  <si>
    <t>Стойка-шкаф для убороч. инвентаря</t>
  </si>
  <si>
    <t>Стол "Ромашка " 2 половинки</t>
  </si>
  <si>
    <t>Стол "Ромашка" 2 половинки</t>
  </si>
  <si>
    <t xml:space="preserve">Стол 2х.тумб.                                                                                                                                         </t>
  </si>
  <si>
    <t>Набор датчиков  темп., давления, влажности, расстоя. магнит.поля ионизирующие излучения.</t>
  </si>
  <si>
    <t>Набор электроизмерит.приборов постоянного и переменного тока</t>
  </si>
  <si>
    <t>Наборы по термодинамике,газовым законам и насыщ. парам,согл. с компью.измер. бло</t>
  </si>
  <si>
    <t xml:space="preserve">Копиров. апп.  Canon FC -208                                                                                                                          </t>
  </si>
  <si>
    <t>Комплект по волновой оптике на основе графопроектора</t>
  </si>
  <si>
    <t>Комплект по геометрич. оптике на магнит.держателях.</t>
  </si>
  <si>
    <t>Комплект по механике поступательного прямолинейного движения, согласованный с компьютерным  измерит.блоком</t>
  </si>
  <si>
    <t>Комплект учебно-лаболаторного оборудования кабинетов физики ООО "Фарм"</t>
  </si>
  <si>
    <t>Комплект учебно-лаболаторного оборудования кабинетов химии ИП Збразский</t>
  </si>
  <si>
    <t>Секция для актового зала 3- мест.</t>
  </si>
  <si>
    <t>Комплект вращение</t>
  </si>
  <si>
    <t>Обувница на 27 ячеек 2700*300*900</t>
  </si>
  <si>
    <t>Колода разделочная</t>
  </si>
  <si>
    <t xml:space="preserve">Мостик гимнастич. пружин. изогн.                                                                                                                      </t>
  </si>
  <si>
    <t xml:space="preserve">Стол компьютерн.расшир.                                                                                                                               </t>
  </si>
  <si>
    <t xml:space="preserve">Доска школьная                                                                                                                                        </t>
  </si>
  <si>
    <t xml:space="preserve">Ёлка искусств.                                                                                                                                        </t>
  </si>
  <si>
    <t xml:space="preserve">Шкаф широкий полуоткрыт.                                                                                                                              </t>
  </si>
  <si>
    <t>Школьник- мармит универсальный</t>
  </si>
  <si>
    <t>Прилавок для приборов  с хлебницей</t>
  </si>
  <si>
    <t>Машина волновая</t>
  </si>
  <si>
    <t>Электрометры с принадлежностями</t>
  </si>
  <si>
    <t>Щит баскетбольный (спортивное оборудование АрМед)</t>
  </si>
  <si>
    <t>Эл. Кипятильник КНЭ-50/100 Б</t>
  </si>
  <si>
    <t>Измеритель давления и температуры</t>
  </si>
  <si>
    <t xml:space="preserve">Доска зелёная ДА-323                                                                                                                                  </t>
  </si>
  <si>
    <t xml:space="preserve">Телевизор" Vestel " VR 5465 TS                                                                                                                        </t>
  </si>
  <si>
    <t xml:space="preserve">Дверь железная                                                                                                                                        </t>
  </si>
  <si>
    <t>Генератор звуковой частоты</t>
  </si>
  <si>
    <t xml:space="preserve">Графопроектор ТТ 250 А2                                                                                                                               </t>
  </si>
  <si>
    <t>Диван 3-х мест</t>
  </si>
  <si>
    <t xml:space="preserve">Доска настенная 3-х элементная ДН-32 М                                                                                                                </t>
  </si>
  <si>
    <t xml:space="preserve">Доска настенная  3-х элементная ДН-33 М                                                                                                               </t>
  </si>
  <si>
    <t>Доска настенная 3- элем.</t>
  </si>
  <si>
    <t xml:space="preserve">Доска настенная 3х.элемент.                                                                                                                           </t>
  </si>
  <si>
    <t>Доска настенная 3-элемент.</t>
  </si>
  <si>
    <t xml:space="preserve">Доска настенная 3элим. ДН -32К                                                                                                                        </t>
  </si>
  <si>
    <t>Доска передвижная поворот.</t>
  </si>
  <si>
    <t xml:space="preserve">Доска поворотная ДП -21 СМ                                                                                                                            </t>
  </si>
  <si>
    <t>Источник высокого напряжения</t>
  </si>
  <si>
    <t>Источник постоянного и переменного напряжения 6-10А</t>
  </si>
  <si>
    <t xml:space="preserve">Книжный шкаф                                                                                                                                          </t>
  </si>
  <si>
    <t>Ковровое покрытие KASBAR</t>
  </si>
  <si>
    <t>Комплект для практикума  по электродинамике</t>
  </si>
  <si>
    <t>Компьют. измерит блок</t>
  </si>
  <si>
    <t xml:space="preserve">Лампа д/графопректора                                                                                                                                 </t>
  </si>
  <si>
    <t>Мясорубка МИМ -80</t>
  </si>
  <si>
    <t xml:space="preserve">Набор для исследования                                                                                                                                </t>
  </si>
  <si>
    <t>Набор для исследования принципов радиосвязи</t>
  </si>
  <si>
    <t>Набор для исследования цепей постоянного тока</t>
  </si>
  <si>
    <t xml:space="preserve">Набор мебели                                                                                                                                          </t>
  </si>
  <si>
    <t xml:space="preserve">Набор по механике                                                                                                                                     </t>
  </si>
  <si>
    <t xml:space="preserve">Набор по электричеству                                                                                                                                </t>
  </si>
  <si>
    <t>Набор спектральных трубок с источником питания</t>
  </si>
  <si>
    <t>Насос вакуумный с тарелкой</t>
  </si>
  <si>
    <t>Осциллограф</t>
  </si>
  <si>
    <t>Прибор д/демонст. теплов.явлений законов молекулярно-кинетич.теории и термодин.на</t>
  </si>
  <si>
    <t>Система видионаблюдения</t>
  </si>
  <si>
    <t xml:space="preserve">Стол двух.тумб.                                                                                                                                       </t>
  </si>
  <si>
    <t>Стол демонстрац.физич.</t>
  </si>
  <si>
    <t>Стол для сбора остатков пищи</t>
  </si>
  <si>
    <t>Стол н\т Start</t>
  </si>
  <si>
    <t>ТД "Новый стиль" Конь гимнастический</t>
  </si>
  <si>
    <t xml:space="preserve">ТД "Новый стиль" Мостик гмнастический подпруженный </t>
  </si>
  <si>
    <t>Тумба д/плакатов</t>
  </si>
  <si>
    <t xml:space="preserve">Факс аппарат                                                                                                                                          </t>
  </si>
  <si>
    <t xml:space="preserve">Шкаф для книг                                                                                                                                         </t>
  </si>
  <si>
    <t xml:space="preserve">Шкаф с полками                                                                                                                                        </t>
  </si>
  <si>
    <t>Электроводонагреватель проточный ЭВПЗ - 15</t>
  </si>
  <si>
    <t xml:space="preserve">Палатка                                                                                                                                               </t>
  </si>
  <si>
    <t>Стиральная машина BEKO</t>
  </si>
  <si>
    <t>Велотренажёр CARBON FITNESS</t>
  </si>
  <si>
    <t>Беговая дорожка механич.</t>
  </si>
  <si>
    <t>Спорт. Снаряд «Козёл»</t>
  </si>
  <si>
    <t>Брусья параллельные мужские гимнаст.</t>
  </si>
  <si>
    <t>!10-11 кл. Очинин Технология (базовый уровень) (15 шт.)</t>
  </si>
  <si>
    <t>!Бим Немецкий язык 3 кл. ч 1 (10 шт.)</t>
  </si>
  <si>
    <t>!Бим Немецкий язык 3 кл. ч 2 (10 шт.)</t>
  </si>
  <si>
    <t>!Загладин История России 9 кл. (10 шт.)</t>
  </si>
  <si>
    <t>!Загладин Н.В. Всеобщая история 9 кл (10 шт.)</t>
  </si>
  <si>
    <t>!Кравченко Обществознание (15 шт.)</t>
  </si>
  <si>
    <t>!Мордкович  Начало мат анализа 10 класс (15 шт.)</t>
  </si>
  <si>
    <t>!Моро, Бантова Математика 3 кл ч 1,2 (10 шт.)</t>
  </si>
  <si>
    <t>!Плешаков окр. мир 3 кл. ч 1,2 (10 шт.)</t>
  </si>
  <si>
    <t>!Семёнов Информатика 3 кл. (10 шт.)</t>
  </si>
  <si>
    <t xml:space="preserve">"Практикум по информатике" с эл.диском   (4 шт.)                                                                                                             </t>
  </si>
  <si>
    <t xml:space="preserve">Библиотека  (20576 шт.)                                                                                                                                          </t>
  </si>
  <si>
    <t>Библиотечный фонд (378 шт.)</t>
  </si>
  <si>
    <t>Бим, Немецкий язык 2 кл. ч 1 (10 шт.)</t>
  </si>
  <si>
    <t>Бим, Немецкий язык 2 кл. ч 2 (10 шт.)</t>
  </si>
  <si>
    <t xml:space="preserve">Брошюра (1 шт.)                                                                                                                                              </t>
  </si>
  <si>
    <t>Горецкий, Кирюшкин, Виноградская Азбука 1 кл. ч 1,2 (5 шт.)</t>
  </si>
  <si>
    <t xml:space="preserve">Пропись к Русской азбуке  (5 шт.)                                                                                                                            </t>
  </si>
  <si>
    <t xml:space="preserve">Тесты по немецкому языку (1 шт.)                                                                                                                             </t>
  </si>
  <si>
    <t xml:space="preserve">Учебники (3 шт.)                                                                                                                                              </t>
  </si>
  <si>
    <t xml:space="preserve">Учебники 26 шт.)                                                                                                                                              </t>
  </si>
  <si>
    <t xml:space="preserve">Учебники (1 шт.)                                                                                                                                              </t>
  </si>
  <si>
    <t xml:space="preserve">Учебники (2 шт.)                                                                                                                                              </t>
  </si>
  <si>
    <t xml:space="preserve">Учебники (246 шт.)                                                                                                                                              </t>
  </si>
  <si>
    <t xml:space="preserve">Учебники (183 шт.)                                                                                                                                              </t>
  </si>
  <si>
    <t xml:space="preserve">Учебники (22 шт.)                                                                                                                                              </t>
  </si>
  <si>
    <t xml:space="preserve">Учебники (93 шт.)                                                                                                                                              </t>
  </si>
  <si>
    <t xml:space="preserve">Учебники (25 шт.)                                                                                                                                              </t>
  </si>
  <si>
    <t xml:space="preserve">Учебники (10 шт.)                                                                                                                                              </t>
  </si>
  <si>
    <t xml:space="preserve">Учебники (15 шт.)                                                                                                                                              </t>
  </si>
  <si>
    <t xml:space="preserve">Учебники (68 шт.)                                                                                                                                              </t>
  </si>
  <si>
    <t xml:space="preserve">Учебное пособие  (5 шт.)                                                                                                                                     </t>
  </si>
  <si>
    <t xml:space="preserve">Учебное пособие (34 шт.)                                                                                                                                      </t>
  </si>
  <si>
    <t>Учебное пособие (1 шт.)</t>
  </si>
  <si>
    <t xml:space="preserve">Учебные пособия (6 шт.)                                                                                                                                  </t>
  </si>
  <si>
    <t xml:space="preserve">Литература  (1 шт.)                                                                                                                                          </t>
  </si>
  <si>
    <t xml:space="preserve">Ллитература 10 кл.  (5 шт.)                                                                                                                                   </t>
  </si>
  <si>
    <t xml:space="preserve">Литература 6 кл. (1 шт.)                                                                                                                                     </t>
  </si>
  <si>
    <t xml:space="preserve">Русский язык 3 кл.  (3 шт.)                                                                                                                                  </t>
  </si>
  <si>
    <t xml:space="preserve">Русский язык 6 кл. (10 шт.)                                                                                                                                   </t>
  </si>
  <si>
    <t xml:space="preserve">Наглядные пособия (1 шт.)                                                                                                                                    </t>
  </si>
  <si>
    <t xml:space="preserve">Комплект плакатов  (1 шт.)                                                                                                                                   </t>
  </si>
  <si>
    <t>Моро, Бантовва, Бельтюкова Математика 2 кл. ч. 1,2 (10 шт.)</t>
  </si>
  <si>
    <t>Моро, Степанова, Волкова, Математика 1 кл. ч 1,2 (5 шт.)</t>
  </si>
  <si>
    <t xml:space="preserve">Математика 6 кл. (10 шт.)                                                                                                                                     </t>
  </si>
  <si>
    <t xml:space="preserve">Энциклопедия  (1 шт.)                                                                                                                                        </t>
  </si>
  <si>
    <t>Методитеское пособие (5 шт.)</t>
  </si>
  <si>
    <t xml:space="preserve">Методич. пособие (29 шт.)                                                                                                                                     </t>
  </si>
  <si>
    <t xml:space="preserve">Методич. пособие (1 шт.)                                                                                                                                     </t>
  </si>
  <si>
    <t xml:space="preserve">Методические пособия  (1 шт.)                                                                                                                                </t>
  </si>
  <si>
    <t xml:space="preserve">Методические пособия  (19 шт.)                                                                                                                                </t>
  </si>
  <si>
    <t xml:space="preserve">Экзаменационные билеты АВ (1 шт.)                                                                                                                            </t>
  </si>
  <si>
    <t xml:space="preserve">Учебник (3 шт.)                                                                                                                                              </t>
  </si>
  <si>
    <t xml:space="preserve">Учебник (1 шт.)                                                                                                                                              </t>
  </si>
  <si>
    <t xml:space="preserve">Учебник  (1 шт.)                                                                                                                                             </t>
  </si>
  <si>
    <t xml:space="preserve">Учебник  (7 шт.)                                                                                                                                             </t>
  </si>
  <si>
    <t>Учебник 1 (1 шт.)</t>
  </si>
  <si>
    <t>Канакина, Горецкий Русский язык 2 кл. ч. 1,2 (10 шт.)</t>
  </si>
  <si>
    <t>Климанова, Горецкий,   Голованова Литературное чтение 2 кл., ч.1,2 (10 шт.)</t>
  </si>
  <si>
    <t xml:space="preserve">Книга (24 шт.)                                                                                                                                                </t>
  </si>
  <si>
    <t xml:space="preserve">Книга  (1 шт.)                                                                                                                                               </t>
  </si>
  <si>
    <t xml:space="preserve">Книга  (5 шт.)                                                                                                                                               </t>
  </si>
  <si>
    <t xml:space="preserve">Книги (28 шт.)                                                                                                                                                  </t>
  </si>
  <si>
    <t xml:space="preserve">Книги (47 шт.)                                                                                                                                                  </t>
  </si>
  <si>
    <t xml:space="preserve">Книги (2 шт.)                                                                                                                                                  </t>
  </si>
  <si>
    <t xml:space="preserve">Книги (4 шт.)                                                                                                                                                  </t>
  </si>
  <si>
    <t xml:space="preserve">Книги (10 шт.)                                                                                                                                                  </t>
  </si>
  <si>
    <t xml:space="preserve">Книги (3 шт.)                                                                                                                                                  </t>
  </si>
  <si>
    <t xml:space="preserve">Метод.литература (4 шт.)                                                                                                                                        </t>
  </si>
  <si>
    <t xml:space="preserve">Плешаков Окружающий мир 2 кл. ч. 1,2 (10 шт.)   </t>
  </si>
  <si>
    <t xml:space="preserve">Плешаков, Окружающий мир 1 кл. ч. 1,2 (5 шт.)   </t>
  </si>
  <si>
    <t xml:space="preserve">Правила пдд  (4 шт.)                                                                                                                                            </t>
  </si>
  <si>
    <t xml:space="preserve">Правила ПДД  (1 шт.)                                                                                                                                            </t>
  </si>
  <si>
    <t xml:space="preserve">Предлоги по немецкому языку (1 шт.)                                                                                                                              </t>
  </si>
  <si>
    <t xml:space="preserve">Рабочая тетрадь по математике (5 шт.)                                                                                                                            </t>
  </si>
  <si>
    <t xml:space="preserve">Рабочая тетрадь по окружающему миру  (5 шт.)                                                                                                                    </t>
  </si>
  <si>
    <t xml:space="preserve">Рудченко, Семенов, Информатика 2 кл. (10 шт.)   </t>
  </si>
  <si>
    <t xml:space="preserve">Справочник классного руководителя (3 шт.)                                                                                                                        </t>
  </si>
  <si>
    <t xml:space="preserve">Т.И. Ерохина, И.Н. Чижова "Православие и русская культура" (3 шт.)                                                                                              </t>
  </si>
  <si>
    <t xml:space="preserve">Учебник информатики (8 шт.)   </t>
  </si>
  <si>
    <t xml:space="preserve">Учебник Физика 10 кл. (1 шт.)   </t>
  </si>
  <si>
    <t xml:space="preserve">Учебники (8 шт.)   </t>
  </si>
  <si>
    <t xml:space="preserve">Учебники (18 шт.)   </t>
  </si>
  <si>
    <t xml:space="preserve">Учебники 64 шт.)   </t>
  </si>
  <si>
    <t xml:space="preserve">Учебники (16 шт.)   </t>
  </si>
  <si>
    <t xml:space="preserve">Учебники (69 шт.)   </t>
  </si>
  <si>
    <t xml:space="preserve">Учебники (46 шт.)   </t>
  </si>
  <si>
    <t xml:space="preserve">Учебники (4 шт.)   </t>
  </si>
  <si>
    <t xml:space="preserve">Учебники (20 шт.)   </t>
  </si>
  <si>
    <t xml:space="preserve">Учебники "Мнемозина" г/к 67 (1 шт.) </t>
  </si>
  <si>
    <t xml:space="preserve">Учебники 1 кл. (11 шт.) </t>
  </si>
  <si>
    <t xml:space="preserve">Учебники 1 кл. (77 шт.) </t>
  </si>
  <si>
    <t>Учебники (109 шт.)</t>
  </si>
  <si>
    <t>Книга «Библиотека Ярославской семьи» (9 шт.)</t>
  </si>
  <si>
    <t>Учебники (87 шт.)</t>
  </si>
  <si>
    <t>Учебники нем.яз. 7 кл.(6 шт.)</t>
  </si>
  <si>
    <t>Учебники (187 шт.)</t>
  </si>
  <si>
    <t>Учебники (Биология 7 кл.) (15 шт.)</t>
  </si>
  <si>
    <t>Учебники (171 шт.)</t>
  </si>
  <si>
    <t>Учебники (144 шт.)</t>
  </si>
  <si>
    <t>Учебники (15 шт.)</t>
  </si>
  <si>
    <t>Учебник (Всеобщая история 6 кл.) (3 шт.)</t>
  </si>
  <si>
    <t>Учебники (11 шт.)</t>
  </si>
  <si>
    <t>Учебники (6 шт.)</t>
  </si>
  <si>
    <t>Учебник (Англ.язык 6 кл.) (13 шт.)</t>
  </si>
  <si>
    <t>Учебник (Англ.язык 5 кл.) (11 шт.)</t>
  </si>
  <si>
    <t>Учебник (Биология 6 кл.) (3 шт.)</t>
  </si>
  <si>
    <t>Учеб.пособие (12 шт.)</t>
  </si>
  <si>
    <t>Учебники (342 шт.)</t>
  </si>
  <si>
    <t>DVD L 65650 (муз.центр)</t>
  </si>
  <si>
    <t>МОУ Высоковская основная общеобразовательная школа</t>
  </si>
  <si>
    <t>Пианино</t>
  </si>
  <si>
    <t>ПК Р911 Эконом</t>
  </si>
  <si>
    <t>ПК Эконом</t>
  </si>
  <si>
    <t xml:space="preserve">Киноаппарат Украина                                                                                                                                   </t>
  </si>
  <si>
    <t xml:space="preserve">Токарновинторезный станок                                                                                                                             </t>
  </si>
  <si>
    <t>Фото SAMSUNG S85S</t>
  </si>
  <si>
    <t>Монитор Самсунг</t>
  </si>
  <si>
    <t>Принтер Epson Stylus Т27</t>
  </si>
  <si>
    <t>Машина углошлифовальная</t>
  </si>
  <si>
    <t>Холодильник Атлант 268</t>
  </si>
  <si>
    <t>Холодильник Полюс</t>
  </si>
  <si>
    <t>Электроплита ВО 550ВС211</t>
  </si>
  <si>
    <t>Электроплита кухонная Deluxe</t>
  </si>
  <si>
    <t>Эл.водонагреватель GARANTERM ES 50V</t>
  </si>
  <si>
    <t>Телевизор DAEWOOKR</t>
  </si>
  <si>
    <t>Телевизор LG</t>
  </si>
  <si>
    <t>Телевизор Супра 2610W</t>
  </si>
  <si>
    <t>Телевизор</t>
  </si>
  <si>
    <t xml:space="preserve">Диапроектор                                                                                                                                           </t>
  </si>
  <si>
    <t>КАМИ Короткофокусный проектор</t>
  </si>
  <si>
    <t>Комплект компьютерного оборудования "СИНТО"</t>
  </si>
  <si>
    <t>Монитор 18,5" Acer</t>
  </si>
  <si>
    <t>Монитор ASUS VW 222S</t>
  </si>
  <si>
    <t>Монитор ЖК ASER</t>
  </si>
  <si>
    <t>Музыкальный центр SAMSUNQ MAX T55Q</t>
  </si>
  <si>
    <t>Мясорубка</t>
  </si>
  <si>
    <t>Насосная станция с баком</t>
  </si>
  <si>
    <t>Ноутбук RonerBook Neo 510 (ученик)</t>
  </si>
  <si>
    <t xml:space="preserve">Ноутбук RonerBook Neo 511 (педагог) </t>
  </si>
  <si>
    <t>Принтер/копир/сканер Самсунг</t>
  </si>
  <si>
    <t>Ростомер мед. с метал.стульч.</t>
  </si>
  <si>
    <t>Систем. блок Formoza</t>
  </si>
  <si>
    <t>Станок по дереву</t>
  </si>
  <si>
    <t xml:space="preserve">Станок токарный винторезный                                                                                                                           </t>
  </si>
  <si>
    <t>Счетчик холодной воды Ду</t>
  </si>
  <si>
    <t>Триммер</t>
  </si>
  <si>
    <t>Триммер (косилка) бенз.</t>
  </si>
  <si>
    <t>МФУ HPOfficeJet pRO 6960</t>
  </si>
  <si>
    <t>Ноутбук HP</t>
  </si>
  <si>
    <t>Диктофон</t>
  </si>
  <si>
    <t>Телевизор LED – LG 45LJ510V</t>
  </si>
  <si>
    <t>Триммер Бензо STIHL FS - 55</t>
  </si>
  <si>
    <t>Ларь морозильный МЛК - 400</t>
  </si>
  <si>
    <t>Электрическая плита Vestel FE 56</t>
  </si>
  <si>
    <t>Батут дет. с ручкой</t>
  </si>
  <si>
    <t xml:space="preserve">В/п Шарп                                                                                                                                              </t>
  </si>
  <si>
    <t>Водонагреватель 50л</t>
  </si>
  <si>
    <t xml:space="preserve">Водонагреватель "Оазис"                                                                                                                               </t>
  </si>
  <si>
    <t>Водонагреватель NTS 80 RE</t>
  </si>
  <si>
    <t>Стол письменн.СП-05</t>
  </si>
  <si>
    <t xml:space="preserve">Стеллаж библиотеч. </t>
  </si>
  <si>
    <t xml:space="preserve">Стеллаж библиотеч. демонстрац.                                                                                                                        </t>
  </si>
  <si>
    <t>Стеллаж нержавейка</t>
  </si>
  <si>
    <t>Тумба ТВ 11</t>
  </si>
  <si>
    <t>Велотренажер дет.</t>
  </si>
  <si>
    <t>Водонагреватель эл. АТТЕS</t>
  </si>
  <si>
    <t xml:space="preserve">Вешалки гардеробные                                                                                                                                  </t>
  </si>
  <si>
    <t>Сухой басейн</t>
  </si>
  <si>
    <t>Програмное обеспечение</t>
  </si>
  <si>
    <t>Термос нержавейка ( 12 л.)</t>
  </si>
  <si>
    <t>Термос нержавейка ( 6 л.)</t>
  </si>
  <si>
    <t xml:space="preserve">Тренажёр Аэростеппер AS-1460                                                                                                                          </t>
  </si>
  <si>
    <t>Тренажер дет.Беговая дорожка</t>
  </si>
  <si>
    <t xml:space="preserve">тренажёр:скамья многофункц. ASВ 810                                                                                                                   </t>
  </si>
  <si>
    <t>Стол 6- ти секционный "Ромашка"</t>
  </si>
  <si>
    <t xml:space="preserve">Копиров.аппарат  Samsunq                                                                                                                              </t>
  </si>
  <si>
    <t>Магазин</t>
  </si>
  <si>
    <t>Комплект учебно-лаболаторного оборудования кабинетов естествознания ИП Збразский</t>
  </si>
  <si>
    <t>Стол компьютерн. СК-04</t>
  </si>
  <si>
    <t>Шкаф широкий д/докум.</t>
  </si>
  <si>
    <t>Кулер для воды</t>
  </si>
  <si>
    <t>Детская полоса препятствий 12 элем.</t>
  </si>
  <si>
    <t>Диван "Малыш"</t>
  </si>
  <si>
    <t>Диван детский игровой</t>
  </si>
  <si>
    <t>Диван Малыш круговой</t>
  </si>
  <si>
    <t xml:space="preserve">Документ-камера A Ver Vision CP-135 </t>
  </si>
  <si>
    <t>Доска настен. 3-элем.</t>
  </si>
  <si>
    <t>Доска настенная 3-элементная</t>
  </si>
  <si>
    <t>Ковровое покрытие</t>
  </si>
  <si>
    <t>Кухня малая</t>
  </si>
  <si>
    <t xml:space="preserve">Набор для библиотеки                                                                                                                                  </t>
  </si>
  <si>
    <t xml:space="preserve">П/з Эл. Джи                                                                                                                                           </t>
  </si>
  <si>
    <t>Парикмахерская (со стулом</t>
  </si>
  <si>
    <t>Програменое обеспечение</t>
  </si>
  <si>
    <t>Пылесос Samsung SC - 6520</t>
  </si>
  <si>
    <t>Стенка " Антошка"</t>
  </si>
  <si>
    <t>Стиральная машина LG 80490 N</t>
  </si>
  <si>
    <t>Стол дидактический с набором игрушек</t>
  </si>
  <si>
    <t>Стол Оля В2/2</t>
  </si>
  <si>
    <t xml:space="preserve">Стол разделочный СР-2/1200/600                                                                                                                        </t>
  </si>
  <si>
    <t xml:space="preserve">Стол ромашка                                                                                                                                          </t>
  </si>
  <si>
    <t>Холодильник  "Вестел 260"</t>
  </si>
  <si>
    <t>Шкаф 5-ти секцион.</t>
  </si>
  <si>
    <t>Шкаф вытяжной Модуль 1</t>
  </si>
  <si>
    <t xml:space="preserve">Шкаф метал. 2-х секц.                                                                                                                                 </t>
  </si>
  <si>
    <t xml:space="preserve">Шкаф многоц.назначен.                                                                                                                                 </t>
  </si>
  <si>
    <t>Шкаф СБ-296</t>
  </si>
  <si>
    <t>Палас 4х6</t>
  </si>
  <si>
    <t>Диван БЛЮЗ бежевый (ладья)</t>
  </si>
  <si>
    <t xml:space="preserve">А/к немецкий язык (1 шт.)                                                                                                                                    </t>
  </si>
  <si>
    <t xml:space="preserve">Библиотечный фонд (114 шт.)  </t>
  </si>
  <si>
    <t xml:space="preserve">Бим И.Л. Немецкий язык часть 1,  3 класс (5 шт.)  </t>
  </si>
  <si>
    <t xml:space="preserve">Бим И.Л. Немецкий язык часть 2,  3 класс (5 шт.)  </t>
  </si>
  <si>
    <t xml:space="preserve">Бим, Немецкий язык 2 кл. ч 1   (5 шт.)  </t>
  </si>
  <si>
    <t xml:space="preserve">Бим, Немецкий язык 2 кл. ч 2   (5 шт.)  </t>
  </si>
  <si>
    <t xml:space="preserve">Зеленина, Хохлова, Русский язык 2 кл. ч. 2 (5 шт.)  </t>
  </si>
  <si>
    <t xml:space="preserve">Учебники (15 шт.)                                                                                                                                               </t>
  </si>
  <si>
    <t xml:space="preserve">Учебники (18 шт.)                                                                                                                                               </t>
  </si>
  <si>
    <t xml:space="preserve">Учебники (2 шт.)                                                                                                                                               </t>
  </si>
  <si>
    <t xml:space="preserve">Учебники (7 шт.)                                                                                                                                               </t>
  </si>
  <si>
    <t xml:space="preserve">Учебники (69 шт.)                                                                                                                                               </t>
  </si>
  <si>
    <t xml:space="preserve">Учебники (39 шт.)                                                                                                                                               </t>
  </si>
  <si>
    <t xml:space="preserve">Учебники (8 шт.)                                                                                                                                               </t>
  </si>
  <si>
    <t xml:space="preserve">Учебники (9 шт.)                                                                                                                                               </t>
  </si>
  <si>
    <t xml:space="preserve">Учебники (6 шт.)                                                                                                                                               </t>
  </si>
  <si>
    <t xml:space="preserve">Учебники (40 шт.)                                                                                                                                               </t>
  </si>
  <si>
    <t xml:space="preserve">Литература (4 шт.)                                                                                                                                            </t>
  </si>
  <si>
    <t xml:space="preserve">Загладин .Н.В. Всеобщая история. Новейшая история 9 класс (3 шт.) </t>
  </si>
  <si>
    <t xml:space="preserve">Загладин Н.В. История России 9 класс (3 шт.) </t>
  </si>
  <si>
    <t xml:space="preserve">Комплект плакатов  (1 шт.)                                                                                                                                    </t>
  </si>
  <si>
    <t xml:space="preserve">Моро М.И. Математика 3 класс (5 шт.) </t>
  </si>
  <si>
    <t xml:space="preserve">Моро, Бантовва, Бельтюкова Математика 2 кл. ч. 1,2 (5 шт.) </t>
  </si>
  <si>
    <t xml:space="preserve">Энциклопедия  (1 шт.)                                                                                                                                         </t>
  </si>
  <si>
    <t xml:space="preserve">Методические пособия (6 шт.)                                                                                                                   </t>
  </si>
  <si>
    <t xml:space="preserve">Учебник (1 шт.)                                                                                                                                               </t>
  </si>
  <si>
    <t xml:space="preserve">Учебник  (1 шт.)                                                                                                                                              </t>
  </si>
  <si>
    <t xml:space="preserve">Зеленина Л.М. Русский язык 3 класс, часть 1 (5 шт.) </t>
  </si>
  <si>
    <t xml:space="preserve">Зеленина Л.М. Русский язык 3 класс, часть 2 (5 шт.) </t>
  </si>
  <si>
    <t xml:space="preserve">Зеленина, Хохлова, Русский язык 2 кл. ч. 1 (5 шт.) </t>
  </si>
  <si>
    <t xml:space="preserve">Климанова, Горецкий,   Голованова Литературное чтение 2 кл., ч.1,2 (5 шт.) </t>
  </si>
  <si>
    <t xml:space="preserve">Книга (1 шт.)                                                                                                                                                 </t>
  </si>
  <si>
    <t xml:space="preserve">Книга  (1 шт.)                                                                                                                                                </t>
  </si>
  <si>
    <t xml:space="preserve">Книга  (2 шт.)                                                                                                                                                </t>
  </si>
  <si>
    <t xml:space="preserve">Книги (1 шт.)                                                                                                                                                 </t>
  </si>
  <si>
    <t xml:space="preserve">Книги (1 шт.)                                                                                                                                                </t>
  </si>
  <si>
    <t xml:space="preserve">Книги  (25 шт.)                                                                                                                                                </t>
  </si>
  <si>
    <t xml:space="preserve">Книги (8 шт.)                                                                                                                                                 </t>
  </si>
  <si>
    <t xml:space="preserve">Кравченко А.И. Обществознание 9 класс (3 шт.) </t>
  </si>
  <si>
    <t xml:space="preserve">Метод.литература (5 шт.)                                                                                                                                      </t>
  </si>
  <si>
    <t xml:space="preserve">Плешаков А.А. Окружающий мир 3 класс (5 шт.) </t>
  </si>
  <si>
    <t xml:space="preserve">Плешаков Окружающий мир 2 кл. ч. 1,2 (5 шт.) </t>
  </si>
  <si>
    <t xml:space="preserve">Пособие ЧПЮ (1 шт.) </t>
  </si>
  <si>
    <t xml:space="preserve">Т.И. Ерохина, И.Н. Чижова "Православие и русская культура" (1 шт.) </t>
  </si>
  <si>
    <t xml:space="preserve">Учебники (22 шт.) </t>
  </si>
  <si>
    <t xml:space="preserve">Учебники (1 шт.) </t>
  </si>
  <si>
    <t xml:space="preserve">Учебники 1 кл. (8 шт.) </t>
  </si>
  <si>
    <t xml:space="preserve">Учебники 1 кл. (56 шт.) </t>
  </si>
  <si>
    <t xml:space="preserve">Библиотека  (1069 шт.)                                                                                                                                           </t>
  </si>
  <si>
    <t xml:space="preserve">Библиотека  (1 шт.)                                                                                                                                           </t>
  </si>
  <si>
    <t xml:space="preserve">Учебники (41 шт.) </t>
  </si>
  <si>
    <t>Учебники ( 10 шт.)</t>
  </si>
  <si>
    <t>Учебники ( 83 шт.)</t>
  </si>
  <si>
    <t>Учебник Физика 8 кл. ( 3 шт.)</t>
  </si>
  <si>
    <t>Учебники ( 41 шт.)</t>
  </si>
  <si>
    <t>Учебники ( 13 шт.)</t>
  </si>
  <si>
    <t>Учебники ( 27 шт.)</t>
  </si>
  <si>
    <t>Учебники ( 110 шт.)</t>
  </si>
  <si>
    <t>Колодец</t>
  </si>
  <si>
    <t>МДБОУ Гарский детский сад</t>
  </si>
  <si>
    <t>DVD+VHSплеер+караоке</t>
  </si>
  <si>
    <t>Microsoft Office Basic Edition 2007</t>
  </si>
  <si>
    <t>Microsoft Windows XP</t>
  </si>
  <si>
    <t>Водонагреватель 50л ABS Pro</t>
  </si>
  <si>
    <t>Видеокамера Самсунг</t>
  </si>
  <si>
    <t>Ультрафиолетовая лампа</t>
  </si>
  <si>
    <t>Швейная машина</t>
  </si>
  <si>
    <t>Холодильник NORD</t>
  </si>
  <si>
    <t>Котёл</t>
  </si>
  <si>
    <t>Мобильный компьютер</t>
  </si>
  <si>
    <t>Ноутбук Lenovo Think Pad L 520</t>
  </si>
  <si>
    <t>Триммер (мотокоса)</t>
  </si>
  <si>
    <t>Факсимильный  аппарат  Panasonic</t>
  </si>
  <si>
    <t>Холодильник CANDY</t>
  </si>
  <si>
    <t>МФУ с лазерн.печатью HP Color LaserJet Pro</t>
  </si>
  <si>
    <t>Ноутбук HP Pavilion</t>
  </si>
  <si>
    <t>Цифровой фотоаппарат CANON</t>
  </si>
  <si>
    <t>Переносной жесткий диск</t>
  </si>
  <si>
    <t>Холодильник Саратов 451 однокамер.</t>
  </si>
  <si>
    <t>Бревно гимнастическое</t>
  </si>
  <si>
    <t>Водонагреватель DSZF 15-LJ/50</t>
  </si>
  <si>
    <t xml:space="preserve">Стол произв. с бортом                                                                                                                                 </t>
  </si>
  <si>
    <t>Стол производственный б/борта</t>
  </si>
  <si>
    <t>Стеллаж "Волна 1"</t>
  </si>
  <si>
    <t>Стеллаж библ.демонстр.</t>
  </si>
  <si>
    <t>Стеллаж для стаканов</t>
  </si>
  <si>
    <t>Стеллажи библ. демонстрац.</t>
  </si>
  <si>
    <t xml:space="preserve">Шкаф детский 5-ти  секционный                                                                                                                         </t>
  </si>
  <si>
    <t>Сейф АСМ-30(СЛ)</t>
  </si>
  <si>
    <t>Стол компьют. с выкат. тумбой</t>
  </si>
  <si>
    <t>Столик парикмахера</t>
  </si>
  <si>
    <t>Столик процедурный передв.</t>
  </si>
  <si>
    <t>Стремянка -трансформер - 8м</t>
  </si>
  <si>
    <t>Кухня "Хозяюшка"</t>
  </si>
  <si>
    <t>Доска аудиторская</t>
  </si>
  <si>
    <t>Игровой уголок для спорт.инвент.</t>
  </si>
  <si>
    <t>Кольцо баскетбольное игровое с амортизатором</t>
  </si>
  <si>
    <t>Мольберт двухсторонний</t>
  </si>
  <si>
    <t>Плита электр. БРЕСТ</t>
  </si>
  <si>
    <t>Стиральная машина LG 80490N</t>
  </si>
  <si>
    <t>Стол обеденный 4 местный</t>
  </si>
  <si>
    <t>Столик инстр. 2-х полоч. на колёсах</t>
  </si>
  <si>
    <t>Таблица опред.остроты зрения</t>
  </si>
  <si>
    <t>Уголок "Театр"</t>
  </si>
  <si>
    <t>Уголок д/спортинвентаря</t>
  </si>
  <si>
    <t>Уголок для спортинвентаря</t>
  </si>
  <si>
    <t>Уголок природы 182</t>
  </si>
  <si>
    <t>Уголок природы угловой</t>
  </si>
  <si>
    <t>Шкаф - стеллаж широкий</t>
  </si>
  <si>
    <t>Шкаф для докум.2-х створч.</t>
  </si>
  <si>
    <t>Лавочка детская</t>
  </si>
  <si>
    <t>Зеркало обзорное (антикражное)</t>
  </si>
  <si>
    <t xml:space="preserve">Стол производственный  </t>
  </si>
  <si>
    <t>Ванна стальная 1050х700</t>
  </si>
  <si>
    <t>Библиотечный фонд (87 шт.)</t>
  </si>
  <si>
    <t>Большая энциклопедия животных для малышей (1 шт.)</t>
  </si>
  <si>
    <t>Букварь уч. 8 вида (1 шт.)</t>
  </si>
  <si>
    <t>Календарн.празнд.для детей    (1 шт.)</t>
  </si>
  <si>
    <t>Нечаева Азбука (1 шт.)</t>
  </si>
  <si>
    <t>День рождения ребенка (1 шт.)</t>
  </si>
  <si>
    <t>Добро пожаловать в экологию (1 шт.)</t>
  </si>
  <si>
    <t>Колесников 500 игр д/детей     (1 шт.)</t>
  </si>
  <si>
    <t>Праздник в детском саду (5 шт.)</t>
  </si>
  <si>
    <t>Учебники (1 шт.)</t>
  </si>
  <si>
    <t>МОУ Дуниловская основная общеобразовательная школа</t>
  </si>
  <si>
    <t xml:space="preserve">КАМИ МФУ Samsung SCX </t>
  </si>
  <si>
    <t xml:space="preserve">Ноутбук                                                                                                                                               </t>
  </si>
  <si>
    <t>Программа  Windows XP</t>
  </si>
  <si>
    <t xml:space="preserve">Сканер Epson P1/A4  2480 Photo USB                                                                                                                    </t>
  </si>
  <si>
    <t>Мультимедиа-проектор ДХ2200 ДЛР</t>
  </si>
  <si>
    <t>Монитор 17Самсунг</t>
  </si>
  <si>
    <t>Машина электрофорная</t>
  </si>
  <si>
    <t xml:space="preserve">Лазерный принтер                                                                                                                                      </t>
  </si>
  <si>
    <t xml:space="preserve">Заточный станок                                                                                                                                       </t>
  </si>
  <si>
    <t xml:space="preserve">Графопроектор Лектор                                                                                                                                  </t>
  </si>
  <si>
    <t>Комплект учебного оборудование (ООО "Синто")</t>
  </si>
  <si>
    <t>Видеокамера  SAMSUNG VP-DS 175WI DVD</t>
  </si>
  <si>
    <t>DVDплеер LG 5550  Q</t>
  </si>
  <si>
    <t>Водонагреватель АТТ</t>
  </si>
  <si>
    <t>Токарный станок по дереву СТД-120М</t>
  </si>
  <si>
    <t xml:space="preserve">Станок фрезерный                                                                                                                                      </t>
  </si>
  <si>
    <t>Сверлильный станок</t>
  </si>
  <si>
    <t>Токарный станок по металлу</t>
  </si>
  <si>
    <t xml:space="preserve">Токарный станок по дереву                                                                                                                             </t>
  </si>
  <si>
    <t>Фотоаппарат  SAMSUNQ  L 730S</t>
  </si>
  <si>
    <t>Заточный станок</t>
  </si>
  <si>
    <t xml:space="preserve">Фуговальнокомбинированный станок                                                                                                                      </t>
  </si>
  <si>
    <t xml:space="preserve">Штанга                                                                                                                                                </t>
  </si>
  <si>
    <t>Холодильник Саратов 451</t>
  </si>
  <si>
    <t>Комплект учеб-лаб. оборуд. каб. естествознания ИП Збразский</t>
  </si>
  <si>
    <t>Желюзи вертикальные</t>
  </si>
  <si>
    <t>Беговая дорожка механич. ВТ 2600 А</t>
  </si>
  <si>
    <t>Велотренажёр магнитный АС 502</t>
  </si>
  <si>
    <t xml:space="preserve">Видеомагнитофон LG                                                                                                                                    </t>
  </si>
  <si>
    <t>Водонагреватель Гарантерм ES 30V</t>
  </si>
  <si>
    <t>Документ-камера A Ver Vision СР-135</t>
  </si>
  <si>
    <t xml:space="preserve">Дверь металлич.                                                                                                                                       </t>
  </si>
  <si>
    <t>Водонагреватель эл. "Гарантерм"</t>
  </si>
  <si>
    <t xml:space="preserve">Телевизор LG                                                                                                                                          </t>
  </si>
  <si>
    <t xml:space="preserve">Стол компьютер.                                                                                                                                       </t>
  </si>
  <si>
    <t>Стол 1тумб</t>
  </si>
  <si>
    <t xml:space="preserve">Магнитола                                                                                                                                             </t>
  </si>
  <si>
    <t>Доска передвиж.</t>
  </si>
  <si>
    <t>Мат гимнастический</t>
  </si>
  <si>
    <t>Мат гимнастический 2000х1000</t>
  </si>
  <si>
    <t>СВЧ SUPRA MWS-1808 MW (микроволновая печь)</t>
  </si>
  <si>
    <t>Стол демонстрац. физический</t>
  </si>
  <si>
    <t>Стол 6-ти мест. для скамеек</t>
  </si>
  <si>
    <t>Жалюзи вертик.цв.салат.2</t>
  </si>
  <si>
    <t>Доска 3-элемент. комбинир. 3000х1200</t>
  </si>
  <si>
    <t>Доска разлинееная 300х100 (косая линия)</t>
  </si>
  <si>
    <t>Махаон диван 3-х местный расцветка PV - 6</t>
  </si>
  <si>
    <t>Ёлка 3м.</t>
  </si>
  <si>
    <t>Библиотечный фонд (161 шт.)</t>
  </si>
  <si>
    <t>Учебники (5 шт.)</t>
  </si>
  <si>
    <t>Кузовлев, Перегудова, Пастухова, Английский язык 2 кл. ч 1,2 (5 шт.)</t>
  </si>
  <si>
    <t>Горецкий, Кирюшкин, Виноградская Азбука 1 кл. ч 1,2 (1 шт.)</t>
  </si>
  <si>
    <t>Зеленина, Хохлова Русский язык 1 кл. (1 шт.)</t>
  </si>
  <si>
    <t>Климанова Горецкий Голованова Литературное чтение 1 кл., ч 1,2 (1 шт.)</t>
  </si>
  <si>
    <t>Моро, Степанова, Волкова, Математика 1 кл. ч 1,2 (1 шт.)</t>
  </si>
  <si>
    <t>Плешаков, Окружающий мир 1 кл. ч. 1,2 (1 шт.)</t>
  </si>
  <si>
    <t>Климанова, Горецкий,   Голованова Литературное чтение 2 кл., ч.1,2 (5 шт.)</t>
  </si>
  <si>
    <t>Моро, Бантовва, Бельтюкова Математика 2 кл. ч. 1,2 (5 шт.)</t>
  </si>
  <si>
    <t>Плешаков Окружающий мир 2 кл. ч. 1,2 (5 шт.)</t>
  </si>
  <si>
    <t>Зеленина, Хохлова, Русский язык 2 кл. ч. 1 (5 шт.)</t>
  </si>
  <si>
    <t>Зеленина, Хохлова, Русский язык 2 кл. ч. 2 (5 шт.)</t>
  </si>
  <si>
    <t>Учебники (21 шт.)</t>
  </si>
  <si>
    <t>Павлова А.А. Технология, Черчение 9 класс (5 шт.)</t>
  </si>
  <si>
    <t>Кравченко А.И. Обществознание 9 класс (5 шт.)</t>
  </si>
  <si>
    <t>Моро М.И. Математика 3 класс (5 шт.)</t>
  </si>
  <si>
    <t>Плешаков А.А. Окружающий мир 3 класс (5 шт.)</t>
  </si>
  <si>
    <t>Кузовлев В.П. Английский язык 3 класс (5 шт.)</t>
  </si>
  <si>
    <t>Зеленина Л.М. Русский язык 3 класс, 1 часть (5 шт.)</t>
  </si>
  <si>
    <t>Зеленина Л.М. Русский язык 3 класс, 2 часть (5 шт.)</t>
  </si>
  <si>
    <t xml:space="preserve">Литература  (4 шт.)                                                                                                                                          </t>
  </si>
  <si>
    <t xml:space="preserve">Библиотека    (4384 шт.)                                                                                                                                        </t>
  </si>
  <si>
    <t xml:space="preserve">Дет.риторика 2кл.часть 1и2       (8 шт.)                                                                                                                           </t>
  </si>
  <si>
    <t xml:space="preserve">Диск-СД (7 шт.)                                                                                                                                              </t>
  </si>
  <si>
    <t>Учебники (Технология 1 кл.)    (6 шт.)</t>
  </si>
  <si>
    <t>Учебник (4 шт.)</t>
  </si>
  <si>
    <t>Учебники 1 кл. (48 шт.)</t>
  </si>
  <si>
    <t>Учебники (45 шт.)</t>
  </si>
  <si>
    <t>Учебники (3 шт.)</t>
  </si>
  <si>
    <t xml:space="preserve">Книга  (3 шт.)                                                                                                                                               </t>
  </si>
  <si>
    <t xml:space="preserve">Метод.литература  (7 шт.)                                                                                                                                    </t>
  </si>
  <si>
    <t>Т.И. Ерохина, И.Н. Чижова"Православие и русская культура" (1 шт.)</t>
  </si>
  <si>
    <t xml:space="preserve">Учебник (129 шт.)                                                                                                                                              </t>
  </si>
  <si>
    <t xml:space="preserve">Учебник  (3 шт.)                                                                                                                                             </t>
  </si>
  <si>
    <t xml:space="preserve">Учебники  (13 шт.)                                                                                                                                            </t>
  </si>
  <si>
    <t xml:space="preserve">Учебники  (147 шт.)                                                                                                                                            </t>
  </si>
  <si>
    <t xml:space="preserve">Учебники  (56 шт.)                                                                                                                                            </t>
  </si>
  <si>
    <t xml:space="preserve">Учебники  (33 шт.)                                                                                                                                            </t>
  </si>
  <si>
    <t xml:space="preserve">Учебники  (15 шт.)                                                                                                                                            </t>
  </si>
  <si>
    <t xml:space="preserve">Учебное пособие  (4 шт.)                                                                                                                                     </t>
  </si>
  <si>
    <t xml:space="preserve">Учебное пособие  (34 шт.)                                                                                                                                     </t>
  </si>
  <si>
    <t xml:space="preserve">Учебные тетради "Окружающий мир" ч.1,2 (3 шт.)                                                                                                               </t>
  </si>
  <si>
    <t xml:space="preserve">Энциклопедия (1 шт.)                                                                                                                                         </t>
  </si>
  <si>
    <t xml:space="preserve">Учебники  (54 шт.)                                                                                                                                            </t>
  </si>
  <si>
    <t>Учебники (32 шт.)</t>
  </si>
  <si>
    <t>Учебники (68 шт.)</t>
  </si>
  <si>
    <t>Учебники (16 шт.)</t>
  </si>
  <si>
    <t>Учебники (193 шт.)</t>
  </si>
  <si>
    <t>Учебники (44 шт.)</t>
  </si>
  <si>
    <t>Учебники (112 шт.)</t>
  </si>
  <si>
    <t>Учебники (39 шт.)</t>
  </si>
  <si>
    <t>Учебники (71 шт.)</t>
  </si>
  <si>
    <t>Учебники (160 шт.)</t>
  </si>
  <si>
    <t>Забор металич.</t>
  </si>
  <si>
    <t>МОУ Миглинская основная общеобразовательная школа</t>
  </si>
  <si>
    <t xml:space="preserve">Верстак                                                                                                                                               </t>
  </si>
  <si>
    <t xml:space="preserve">Верстак комбинированный                                                                                                                               </t>
  </si>
  <si>
    <t xml:space="preserve">Весы CAS SW-1/5 кг </t>
  </si>
  <si>
    <t>Кипятильник  наливной "Купец"</t>
  </si>
  <si>
    <t xml:space="preserve">Водонагреватель ВЭП-6М                                                                                                                                </t>
  </si>
  <si>
    <t>Водонагреватель Темекс 15 л.</t>
  </si>
  <si>
    <t>Водонагреватель ТЕРМЕКС ER100V</t>
  </si>
  <si>
    <t>Проектор ACER</t>
  </si>
  <si>
    <t>Системный  блок  в  сборе</t>
  </si>
  <si>
    <t>Набор шумов. инструм.11 предм.</t>
  </si>
  <si>
    <t>Оверлок</t>
  </si>
  <si>
    <t xml:space="preserve">Мостик гимнастический                                                                                                                                 </t>
  </si>
  <si>
    <t>Швейная машина Janome 1108</t>
  </si>
  <si>
    <t xml:space="preserve">Плита электрическая                                                                                                                                   </t>
  </si>
  <si>
    <t>Принтер CANON LBP-2900</t>
  </si>
  <si>
    <t xml:space="preserve">Маты                                                                                                                                                  </t>
  </si>
  <si>
    <t>Холодильник INDEZIT</t>
  </si>
  <si>
    <t xml:space="preserve">Телевизор цветной                                                                                                                                     </t>
  </si>
  <si>
    <t xml:space="preserve">Козел гимнастический                                                                                                                                  </t>
  </si>
  <si>
    <t xml:space="preserve">Конь гимнастический                                                                                                                                   </t>
  </si>
  <si>
    <t>Крепление потолочное к проектору</t>
  </si>
  <si>
    <t xml:space="preserve">КЭСФ-физический                                                                                                                                       </t>
  </si>
  <si>
    <t xml:space="preserve">КЭФ-10                                                                                                                                                </t>
  </si>
  <si>
    <t xml:space="preserve">Мармид для  2-х блюд                                                                                                                                  </t>
  </si>
  <si>
    <t>Монитор 17" LCD ACER</t>
  </si>
  <si>
    <t>Монитор TET 19 "Samsung"</t>
  </si>
  <si>
    <t>Музыкальный центр SAMSUNQ</t>
  </si>
  <si>
    <t xml:space="preserve">Музыкальный центр ВВК 551т                                                                                                                            </t>
  </si>
  <si>
    <t xml:space="preserve">Мясорубка                                                                                                                                             </t>
  </si>
  <si>
    <t>Ноутбук ASVS</t>
  </si>
  <si>
    <t>Ноутбук Lenovo Think Pod L520</t>
  </si>
  <si>
    <t>Ноутбук Tohiba</t>
  </si>
  <si>
    <t xml:space="preserve">Станок  заточный                                                                                                                                      </t>
  </si>
  <si>
    <t xml:space="preserve">Станок по дереву                                                                                                                                      </t>
  </si>
  <si>
    <t xml:space="preserve">Станок сверлильно-винтокольный                                                                                                                        </t>
  </si>
  <si>
    <t xml:space="preserve">Станок токарный по дереву                                                                                                                             </t>
  </si>
  <si>
    <t xml:space="preserve">Теплица  Флора                                                                                                                                        </t>
  </si>
  <si>
    <t>Точка доступа для беспроводной локальной сети "Rover"  W156</t>
  </si>
  <si>
    <t>Триммер бензокосилка БК-750</t>
  </si>
  <si>
    <t xml:space="preserve">Устройство зашторивание окон                                                                                                                          </t>
  </si>
  <si>
    <t xml:space="preserve">Холодильная камера                                                                                                                                    </t>
  </si>
  <si>
    <t xml:space="preserve">Пылесос Скарлет </t>
  </si>
  <si>
    <t>Унитаз-компакт Делла</t>
  </si>
  <si>
    <t>Мойка нерж.двойная</t>
  </si>
  <si>
    <t>Облучатель бактерицидный настенный</t>
  </si>
  <si>
    <t>Диктофон OLYMPUS WS – 806 4 Гб USB 2.0 синий</t>
  </si>
  <si>
    <t>Ноутбук ACER Aspire ES1 – 533 – C8AF чёрный</t>
  </si>
  <si>
    <t>Водонагреватель 15 л.</t>
  </si>
  <si>
    <t xml:space="preserve">Стеллажи                                                                                                                                              </t>
  </si>
  <si>
    <t>Велотренажер Kettler Topas</t>
  </si>
  <si>
    <t xml:space="preserve">Видео-плеер ЭЛ.ДЖИ                                                                                                                                    </t>
  </si>
  <si>
    <t xml:space="preserve">Сундук для игрушек                                                                                                                                    </t>
  </si>
  <si>
    <t>Сухой бассейн круглый</t>
  </si>
  <si>
    <t>Шкаф жарочный 1-секц.</t>
  </si>
  <si>
    <t>Шкаф д/пособий закрытый</t>
  </si>
  <si>
    <t xml:space="preserve">Шкаф д/пособий п/открытый                                                                                                                             </t>
  </si>
  <si>
    <t>Шкаф д/пособий со стеклом</t>
  </si>
  <si>
    <t>Шкаф для  одежды</t>
  </si>
  <si>
    <t xml:space="preserve">Кабинет трудового обучения                                                                                                                            </t>
  </si>
  <si>
    <t xml:space="preserve">Копировальн. аппарат                                                                                                                                  </t>
  </si>
  <si>
    <t xml:space="preserve">Костюм Деда Мороза                                                                                                                                    </t>
  </si>
  <si>
    <t>Умывальник "Мойдодыр"</t>
  </si>
  <si>
    <t xml:space="preserve">Комплект Природные зоны России                                                                                                                        </t>
  </si>
  <si>
    <t>Ширма игровая</t>
  </si>
  <si>
    <t xml:space="preserve">Шкаф-стенка (3 секции)                                                                                                                                </t>
  </si>
  <si>
    <t xml:space="preserve">Кровать дет. без матраца                                                                                                                              </t>
  </si>
  <si>
    <t>Плита электрическая 4-х комфорочная</t>
  </si>
  <si>
    <t>Машина 2-мест.</t>
  </si>
  <si>
    <t xml:space="preserve">Методический кабинет   /3 шкафа/                                                                                                                      </t>
  </si>
  <si>
    <t>Щит баскетбольный навесной с кольцами  (Спортивное оборудование АрМед)</t>
  </si>
  <si>
    <t>Эл.водонагреватель</t>
  </si>
  <si>
    <t xml:space="preserve">Доска аудиторная трехэлементная                                                                                                                       </t>
  </si>
  <si>
    <t xml:space="preserve">Доска трехэлементная для мела с расчерченной поверхностью                                                                                             </t>
  </si>
  <si>
    <t xml:space="preserve">Телевизор ЭЛ. ДЖИ                                                                                                                                     </t>
  </si>
  <si>
    <t>Документ-камера A Ver Vision CP-135</t>
  </si>
  <si>
    <t>Доска наклонная  ребристая к шведской стенке</t>
  </si>
  <si>
    <t xml:space="preserve">Доска настенная 3-х элемент.                                                                                                                          </t>
  </si>
  <si>
    <t xml:space="preserve">доска настенная 3х.элементная                                                                                                                         </t>
  </si>
  <si>
    <t xml:space="preserve">Доска настенная ДН- 32М                                                                                                                               </t>
  </si>
  <si>
    <t xml:space="preserve">Доска передвижная поворот.                                                                                                                            </t>
  </si>
  <si>
    <t xml:space="preserve">Жалюзи вертикальные - ткань                                                                                                                           </t>
  </si>
  <si>
    <t xml:space="preserve">КОСТЮМ КАРНАВАЛЬНЫЙ                                                                                                                                   </t>
  </si>
  <si>
    <t>Массажный коврик со следочками</t>
  </si>
  <si>
    <t xml:space="preserve">Обогреватель                                                                                                                                          </t>
  </si>
  <si>
    <t>Стенд-уголок "Тех.безоп. при раб. на комп."</t>
  </si>
  <si>
    <t xml:space="preserve">Стенка                                                                                                                                                </t>
  </si>
  <si>
    <t>Стиральная машина Indesit</t>
  </si>
  <si>
    <t>Стол д/наст.тенниса</t>
  </si>
  <si>
    <t xml:space="preserve">Стол демонстрационный                                                                                                                                 </t>
  </si>
  <si>
    <t xml:space="preserve">Стол демонстрационный химический с сантехникой                                                                                                        </t>
  </si>
  <si>
    <t>Табл. 8-9кл.химия</t>
  </si>
  <si>
    <t>Табл. черчение</t>
  </si>
  <si>
    <t xml:space="preserve">Торс человека                                                                                                                                         </t>
  </si>
  <si>
    <t>Триумф ковер пропилен</t>
  </si>
  <si>
    <t>Фрагмент (демонст.) маркерный</t>
  </si>
  <si>
    <t xml:space="preserve">Шкаф 2-х створчатый                                                                                                                                   </t>
  </si>
  <si>
    <t xml:space="preserve">Шкаф 3-х створчатый                                                                                                                                   </t>
  </si>
  <si>
    <t xml:space="preserve">Шкаф вытяжной демонстрационный                                                                                                                        </t>
  </si>
  <si>
    <t>Шкаф для документов "Директор" закрытый</t>
  </si>
  <si>
    <t>Шкаф для документов "Директор" п/открытый</t>
  </si>
  <si>
    <t>Шкаф для документов "Директор" со стеклом</t>
  </si>
  <si>
    <t xml:space="preserve">Шкаф для документов "Директор" закрытый                                                                                                               </t>
  </si>
  <si>
    <t xml:space="preserve">Шкаф для документов "Директор" п/открытый                                                                                                             </t>
  </si>
  <si>
    <t xml:space="preserve">Шкаф для документов "Директор" со стеклом                                                                                                             </t>
  </si>
  <si>
    <t>Шкаф для одежды 3-х секц.</t>
  </si>
  <si>
    <t>Кухонный комбайн BOSCH</t>
  </si>
  <si>
    <t>Кулер настольный HOTFROST</t>
  </si>
  <si>
    <t>Песочница-скамейка</t>
  </si>
  <si>
    <t>Качалка-балансир «Машинки»</t>
  </si>
  <si>
    <t>Спортивное оборудование 3015*1040*210</t>
  </si>
  <si>
    <t>Горка уличная «Волна»</t>
  </si>
  <si>
    <t>Библиотечный фонд (192 шт.)</t>
  </si>
  <si>
    <t>Учебное пособие (19 шт.)</t>
  </si>
  <si>
    <t xml:space="preserve">Комплект плакатов (1 шт.)                                                                                                                                    </t>
  </si>
  <si>
    <t xml:space="preserve">Книга  (1 шт.)                                                                                                                                                 </t>
  </si>
  <si>
    <t xml:space="preserve">Комплект школьн.мультимедийной библ.  (1 шт.)                                                                                                                  </t>
  </si>
  <si>
    <t>Учеб. Информатика и ИКТ 9 кл.  (6 шт.)</t>
  </si>
  <si>
    <t>Учебники (9 шт.)</t>
  </si>
  <si>
    <t>Учебное пособие (3 шт.)</t>
  </si>
  <si>
    <t>Библиотечный фонд  (10 шт. )</t>
  </si>
  <si>
    <t>Учебники (175 шт.)</t>
  </si>
  <si>
    <t>Учебники (70 шт.)</t>
  </si>
  <si>
    <t>Учебники (77 шт.)</t>
  </si>
  <si>
    <t>Учебная литература (10 шт.)</t>
  </si>
  <si>
    <t>Музыка 7 кл. Уч. с онлайн приложением (1 шт.)</t>
  </si>
  <si>
    <t>Учебное пособие (8 шт.)</t>
  </si>
  <si>
    <t>Учебник (1 шт.)</t>
  </si>
  <si>
    <t>Учебник (География 8-9 кл. 6 шт.)</t>
  </si>
  <si>
    <t>Учебник (106 шт.)</t>
  </si>
  <si>
    <t>Учебная литер.  (Атлас География 5-6 кл.) (6 шт.)</t>
  </si>
  <si>
    <t>Учебник  литер. (Атлас 7кл. География) (4 шт.)</t>
  </si>
  <si>
    <t xml:space="preserve">Автомат Калашникова                                                                                                                                   </t>
  </si>
  <si>
    <t>МОУ Новосельская средняя общеобразовательная школа</t>
  </si>
  <si>
    <t>Радиомикрофон</t>
  </si>
  <si>
    <t>Стенд  "Уголок безопасности дорожного движения"</t>
  </si>
  <si>
    <t>Водонагреватель электр.</t>
  </si>
  <si>
    <t>Видеорегистратор  HD DVR 5000</t>
  </si>
  <si>
    <t>Фильтр Atoll A-313</t>
  </si>
  <si>
    <t>Лицензия Microsoft Windows</t>
  </si>
  <si>
    <t>Системный блок Formoza EL 216</t>
  </si>
  <si>
    <t>Системный блок Formoza EL 218</t>
  </si>
  <si>
    <t>Системный блок в сборе</t>
  </si>
  <si>
    <t xml:space="preserve">Копир. Canon FC-128                                                                                                                                   </t>
  </si>
  <si>
    <t>Копир.CANON FC-108</t>
  </si>
  <si>
    <t>Копи-устр-во интерактивное Мимио</t>
  </si>
  <si>
    <t>Сервер на базе Supermicro Х 8 SIL-F</t>
  </si>
  <si>
    <t>Штанга для крепления проектора</t>
  </si>
  <si>
    <t xml:space="preserve">Принтер                                                                                                                                               </t>
  </si>
  <si>
    <t>Принтер Canon Pixma ip1900</t>
  </si>
  <si>
    <t>Ц/фотокамера Nikon Coolpix Ln</t>
  </si>
  <si>
    <t>Компьютер. измерит. блок с компл. датчиков</t>
  </si>
  <si>
    <t xml:space="preserve">Щит баскетбольный                                                                                                                                     </t>
  </si>
  <si>
    <t>Экран Lumien</t>
  </si>
  <si>
    <t>Интерактивная доска</t>
  </si>
  <si>
    <t xml:space="preserve">Телевизор Samsung                                                                                                                                     </t>
  </si>
  <si>
    <t xml:space="preserve">Телевизор  Л-ДЖИ                                                                                                                                      </t>
  </si>
  <si>
    <t>Ноутбук 15.6</t>
  </si>
  <si>
    <t xml:space="preserve">Генератор высокого напряжения                                                                                                                         </t>
  </si>
  <si>
    <t>Документ-камера A Ver Vision</t>
  </si>
  <si>
    <t>ИБП Ippon Winner 750</t>
  </si>
  <si>
    <t>ИБП АРС 620</t>
  </si>
  <si>
    <t>Комплект электроснабжения</t>
  </si>
  <si>
    <t xml:space="preserve">Машина электрофорная                                                                                                                                  </t>
  </si>
  <si>
    <t xml:space="preserve">Монитор  TFT SAMSUNG -740 N                                                                                                                           </t>
  </si>
  <si>
    <t>Монитор 21.5</t>
  </si>
  <si>
    <t>Монитор TFT 17 Samsunq</t>
  </si>
  <si>
    <t>Музыкальный центр</t>
  </si>
  <si>
    <t>Мультимедиа проектор</t>
  </si>
  <si>
    <t>Мультимедиа-проектор НЕС</t>
  </si>
  <si>
    <t>Мультимедийный  проектор</t>
  </si>
  <si>
    <t xml:space="preserve">Облучатель                                                                                                                                            </t>
  </si>
  <si>
    <t>Справочно-информац. стенд "Период. система химич.элементов Д.И.Менделеева"</t>
  </si>
  <si>
    <t xml:space="preserve">Станок токарновинтовой                                                                                                                                </t>
  </si>
  <si>
    <t xml:space="preserve">Факс                                                                                                                                                  </t>
  </si>
  <si>
    <t>Циф.видеокамера PANASONIC НС-V1000EE-K</t>
  </si>
  <si>
    <t xml:space="preserve">Цифровой фотоаппарат                                                                                                                                  </t>
  </si>
  <si>
    <t>Электродвигатель</t>
  </si>
  <si>
    <t>Баян Тула</t>
  </si>
  <si>
    <t>Белая электрич.доска Hitachi</t>
  </si>
  <si>
    <t>Бензотриммер  "Калибр БК-750"</t>
  </si>
  <si>
    <t>Беспроводной планштет AirLiner</t>
  </si>
  <si>
    <t>Комплект компьютерного оборудования «Синто»</t>
  </si>
  <si>
    <t>Комплект учебного оборудования (ООО «Синто»</t>
  </si>
  <si>
    <t>Ноутбук Lenovo Trink Pad L 520</t>
  </si>
  <si>
    <t>Видеорегистратор</t>
  </si>
  <si>
    <t>Внешний жесткий диск TOSHIBA</t>
  </si>
  <si>
    <t>Кулер настольный HOTFROST D 120E</t>
  </si>
  <si>
    <t>МФУ Kyocera FS – 1025 MFP</t>
  </si>
  <si>
    <t>Ноутбук ASER Aspire A 315-21-60 М 9</t>
  </si>
  <si>
    <t>Документ камера DOKO DS08 FU</t>
  </si>
  <si>
    <t>МФУ KYOCERA Ecosys M 2635 DN</t>
  </si>
  <si>
    <t>Принтер  HP Deskjet Ink Advantage 1115</t>
  </si>
  <si>
    <t>Автобус ПАЗ -32053-70</t>
  </si>
  <si>
    <t>Баня комбинир.лабораторная</t>
  </si>
  <si>
    <t xml:space="preserve">В/камера ZVC TX-16                                                                                                                                    </t>
  </si>
  <si>
    <t>Весы лабор.электрон.</t>
  </si>
  <si>
    <t>Весы технич.с разновесами</t>
  </si>
  <si>
    <t>Стол рабочий прямой</t>
  </si>
  <si>
    <t>Стеллаж библиотечный</t>
  </si>
  <si>
    <t>Стеллаж широкий</t>
  </si>
  <si>
    <t>Стенд информационный - сменный</t>
  </si>
  <si>
    <t>Спорт.оборуд. турник</t>
  </si>
  <si>
    <t>Спорт.оборуд.турник</t>
  </si>
  <si>
    <t xml:space="preserve">Велотренажёр "Стингрей" ST 2485                                                                                                                       </t>
  </si>
  <si>
    <t>Водонагреватель ТЕРМЕКС Н15</t>
  </si>
  <si>
    <t xml:space="preserve">Видеоплеер Тошиба                                                                                                                                     </t>
  </si>
  <si>
    <t xml:space="preserve">Видеоплеер ЭЛ ДЖИ 316                                                                                                                                 </t>
  </si>
  <si>
    <t xml:space="preserve">Шкаф для одежды с допол.полками                                                                                                                       </t>
  </si>
  <si>
    <t>Шкаф комбинированный 1200х400х2080</t>
  </si>
  <si>
    <t>Программа</t>
  </si>
  <si>
    <t xml:space="preserve">Процессор Celeron 1700                                                                                                                                </t>
  </si>
  <si>
    <t xml:space="preserve">Шкаф д/докум. "Директор"  широкий со стеклом                                                                                                          </t>
  </si>
  <si>
    <t>Термометр электрон.</t>
  </si>
  <si>
    <t>Стол универсал 09</t>
  </si>
  <si>
    <t>Тренажёр"Зевс"</t>
  </si>
  <si>
    <t xml:space="preserve">Тренажёр гребной "Боди скульптура" BR-2200                                                                                                            </t>
  </si>
  <si>
    <t xml:space="preserve">Копир. аппар. -208  Canon PC                                                                                                                          </t>
  </si>
  <si>
    <t xml:space="preserve">Жесткий диск 30                                                                                                                                       </t>
  </si>
  <si>
    <t>Комплект посуды, расодны материалов, принадл.д/провед.эксперемента</t>
  </si>
  <si>
    <t>Комплект учебно-лаболатрного оборудования кабинетов физики ООО "Фарм"</t>
  </si>
  <si>
    <t>Стол компьютерн.</t>
  </si>
  <si>
    <t>Елка "Морозко" 210 см.</t>
  </si>
  <si>
    <t xml:space="preserve">Школа : сканер 660                                                                                                                                    </t>
  </si>
  <si>
    <t xml:space="preserve">Принтер  Epson LX -3..                                                                                                                                </t>
  </si>
  <si>
    <t>Электрометры  с принадлежн.</t>
  </si>
  <si>
    <t xml:space="preserve">Столик подъемный                                                                                                                                      </t>
  </si>
  <si>
    <t>Аппарат д/дистилляции воды</t>
  </si>
  <si>
    <t xml:space="preserve">Щит баскетбольный тренировочный                                                                                                                       </t>
  </si>
  <si>
    <t xml:space="preserve">Доска зелёная ДА-32ссм                                                                                                                                </t>
  </si>
  <si>
    <t xml:space="preserve">Телевизор полар                                                                                                                                       </t>
  </si>
  <si>
    <t xml:space="preserve">Дем. набор прозрач. геометрич. тел с сечением                                                                                                         </t>
  </si>
  <si>
    <t xml:space="preserve">Гр. POLAR                                                                                                                                             </t>
  </si>
  <si>
    <t>Доска настенная 3 элем. ДН -32М</t>
  </si>
  <si>
    <t xml:space="preserve">Доска настенная 3 элем. ДН -32К                                                                                                                       </t>
  </si>
  <si>
    <t xml:space="preserve">Доска поворотная ДП 12СК                                                                                                                              </t>
  </si>
  <si>
    <t xml:space="preserve">Доска поворотная ДП-123                                                                                                                               </t>
  </si>
  <si>
    <t xml:space="preserve">Жалюзи вертикальные тканевые  (2 шт.)                                                                                                                        </t>
  </si>
  <si>
    <t xml:space="preserve">Караоке м/в ЭЛ ДЖИ 20  35Г                                                                                                                            </t>
  </si>
  <si>
    <t xml:space="preserve">Контора с регулируемым наклоном                                                                                                                       </t>
  </si>
  <si>
    <t xml:space="preserve">Монитор Samsung                                                                                                                                       </t>
  </si>
  <si>
    <t xml:space="preserve">Монитор Samsunq  7530 FX                                                                                                                              </t>
  </si>
  <si>
    <t xml:space="preserve">Муз. центр ЭЛ.ДЖИ2530 караокем DVD                                                                                                                    </t>
  </si>
  <si>
    <t>Набор мебели Вега - 2</t>
  </si>
  <si>
    <t xml:space="preserve">Набор микроп. по общ. биологии                                                                                                                        </t>
  </si>
  <si>
    <t xml:space="preserve">Набор микропрепар. по анатомии и физиолог.                                                                                                            </t>
  </si>
  <si>
    <t>Набор моделей кристал. решеток</t>
  </si>
  <si>
    <t>Набор посуды и принадлежностей для ученичес.эксперим.(разд.в лотках)</t>
  </si>
  <si>
    <t xml:space="preserve">Образ.программа для интерак.досок                                                                                                                     </t>
  </si>
  <si>
    <t xml:space="preserve">Парта-трансформер                                                                                                                                     </t>
  </si>
  <si>
    <t>Планшет "Книжка"-стенд</t>
  </si>
  <si>
    <t xml:space="preserve">Принтер НР -1010                                                                                                                                      </t>
  </si>
  <si>
    <t xml:space="preserve">Систем. блок                                                                                                                                          </t>
  </si>
  <si>
    <t>Стенд информация</t>
  </si>
  <si>
    <t xml:space="preserve">Стенды                                                                                                                                                </t>
  </si>
  <si>
    <t>Стол демонстрац. д/каб.физики биологии из 2х.частей</t>
  </si>
  <si>
    <t xml:space="preserve">Стол теннисн.                                                                                                                                         </t>
  </si>
  <si>
    <t>Табл.литература 5-11кл.</t>
  </si>
  <si>
    <t>Шкаф высокий</t>
  </si>
  <si>
    <t xml:space="preserve">Шкаф вытяжной для кабинета химии                                                                                                                      </t>
  </si>
  <si>
    <t xml:space="preserve">Шкаф для документов с допол.полками                                                                                                                   </t>
  </si>
  <si>
    <t xml:space="preserve">Шкаф с полками рамочные                                                                                                                               </t>
  </si>
  <si>
    <t>Палас- ковролин</t>
  </si>
  <si>
    <t>Документ-камера A Ver Visijn CP-135</t>
  </si>
  <si>
    <t>Шкаф стеллаж,  узкий  закр.  со стеклом</t>
  </si>
  <si>
    <t>Шкаф широк. закрыт со стеклом</t>
  </si>
  <si>
    <t>Шкаф для одежды комбин.</t>
  </si>
  <si>
    <t>Ламбрекен</t>
  </si>
  <si>
    <t>Кухня «София» с мойкой</t>
  </si>
  <si>
    <t>Микрофонная стойка складная телескопическая со стрелой</t>
  </si>
  <si>
    <t>Парта 2-мест. для кабинета физики</t>
  </si>
  <si>
    <t>Вешалка гардеробная настенная с поворотными кронштейнами с  колпач.</t>
  </si>
  <si>
    <t>Шкаф под документы широкий закрытый 1830х700х350</t>
  </si>
  <si>
    <t>Шкаф под документы широкий со стеклом 1830х700х350</t>
  </si>
  <si>
    <t>Шкаф комбинированный 1830х700х350</t>
  </si>
  <si>
    <t>Стол письменный 1-тумбовый с тремя ящиками</t>
  </si>
  <si>
    <t>Сетка волейбольная с тросом и утяж.</t>
  </si>
  <si>
    <t>Ковролин на резиновой основе 7,5х4</t>
  </si>
  <si>
    <t xml:space="preserve"> Канакина, Горецкий Русский язык 1 кл. (7 шт.)</t>
  </si>
  <si>
    <t>Библиотечный фонд (393 шт.)</t>
  </si>
  <si>
    <t>Биболетова М.З. Английский язык 3 класс (9 шт.)</t>
  </si>
  <si>
    <t xml:space="preserve">Дидактический материал         (52 шт.)                                                                                                                               </t>
  </si>
  <si>
    <t xml:space="preserve">Диск  (4 шт.)                                                                                                                                                </t>
  </si>
  <si>
    <t xml:space="preserve">Диск  (2 шт.)                                                                                                                                                </t>
  </si>
  <si>
    <t xml:space="preserve">Диск СД  (26 шт.)                                                                                                                                             </t>
  </si>
  <si>
    <t>Зинин С.А. Литература 9 класс (15 шт.)</t>
  </si>
  <si>
    <t xml:space="preserve">Учебное пособие  (1 шт.)                                                                                                                                     </t>
  </si>
  <si>
    <t xml:space="preserve">Учебное пособие (31 шт.)                                                                                                                                      </t>
  </si>
  <si>
    <t xml:space="preserve">Учебное пособие  (15 шт.)                                                                                                                                     </t>
  </si>
  <si>
    <t xml:space="preserve">Учебное пособие  (21 шт.)                                                                                                                                     </t>
  </si>
  <si>
    <t xml:space="preserve">Учебное пособие  (16 шт.)                                                                                                                                     </t>
  </si>
  <si>
    <t xml:space="preserve">Учебное пособие  (31 шт.)                                                                                                                                    </t>
  </si>
  <si>
    <t xml:space="preserve">Учебные пособия  (7 шт.)                                                                                                                                     </t>
  </si>
  <si>
    <t xml:space="preserve">Литература (1 шт.)                                                                                                                                           </t>
  </si>
  <si>
    <t xml:space="preserve">Литература  (133 шт.)                                                                                                                                          </t>
  </si>
  <si>
    <t xml:space="preserve">Журналы (16 шт.)                                                                                                                                              </t>
  </si>
  <si>
    <t xml:space="preserve">Моро М.И. Математика 3  класс (9 шт.) </t>
  </si>
  <si>
    <t>Моро, Бантовва, Бельтюкова Математика 2 кл. ч. 1,2 (9 шт.)</t>
  </si>
  <si>
    <t xml:space="preserve">Методические пособия (19 шт.)                                                                                                                                 </t>
  </si>
  <si>
    <t xml:space="preserve">Учебник  (2 шт.)                                                                                                                                             </t>
  </si>
  <si>
    <t xml:space="preserve">Учебник  (30 шт.)                                                                                                                                             </t>
  </si>
  <si>
    <t xml:space="preserve">Учебник "Технология"   (1 шт.)                                                                                                                                 </t>
  </si>
  <si>
    <t xml:space="preserve">Книга (3 шт.)                                                                                                                                                 </t>
  </si>
  <si>
    <t xml:space="preserve">Книга  (2 шт.)                                                                                                                                                 </t>
  </si>
  <si>
    <t xml:space="preserve">Книга  (5 шт.)                                                                                                                                                 </t>
  </si>
  <si>
    <t xml:space="preserve">Книги (13 шт.)  </t>
  </si>
  <si>
    <t xml:space="preserve">Книги (4 шт.)  </t>
  </si>
  <si>
    <t xml:space="preserve">Книги (28 шт.)  </t>
  </si>
  <si>
    <t xml:space="preserve">Книги (6 шт.)  </t>
  </si>
  <si>
    <t xml:space="preserve">Книги (10 шт.)  </t>
  </si>
  <si>
    <t xml:space="preserve">Книги (5 шт.)  </t>
  </si>
  <si>
    <t xml:space="preserve">Книги (2 шт.)  </t>
  </si>
  <si>
    <t xml:space="preserve">Книги (18 шт.)  </t>
  </si>
  <si>
    <t xml:space="preserve">Книги (14 шт.)  </t>
  </si>
  <si>
    <t xml:space="preserve">Кравченко А.И. Обществознание 9 класс         (15 шт.)  </t>
  </si>
  <si>
    <t xml:space="preserve">Очинин О.П. Технология 10 - 11 класс (20 шт.)  </t>
  </si>
  <si>
    <t xml:space="preserve">Плешаков А.А. Окружающий мир 3 класс (9 шт.)  </t>
  </si>
  <si>
    <t xml:space="preserve">Плешаков Окружающий мир 2 кл. ч. 1,2 (9 шт.)  </t>
  </si>
  <si>
    <t xml:space="preserve">Пособие (4 шт.)                                                                                                                                                </t>
  </si>
  <si>
    <t xml:space="preserve">Пособие ЧПЮ (1 шт.)  </t>
  </si>
  <si>
    <t xml:space="preserve">Т.И. Ерохина, И.Н. Чижова "Православие и русская культура" (4 шт.)                                                                                             </t>
  </si>
  <si>
    <t xml:space="preserve">Толковый словарь антонимов рус.языка (1 шт.)  </t>
  </si>
  <si>
    <t xml:space="preserve">Учебник Биология 9 кл. (5 шт.)  </t>
  </si>
  <si>
    <t xml:space="preserve">Учебник обществознание 9 кл. (1 шт.)  </t>
  </si>
  <si>
    <t xml:space="preserve">Учебник по музыке 6кл.  (1 шт.)                                                                                                                                </t>
  </si>
  <si>
    <t xml:space="preserve">Учебник по фотошопу  (1 шт.)                                                                                                                                   </t>
  </si>
  <si>
    <t xml:space="preserve">Учебники (18 шт.)  </t>
  </si>
  <si>
    <t xml:space="preserve">Учебники (13 шт.)  </t>
  </si>
  <si>
    <t xml:space="preserve">Учебники (214 шт.)  </t>
  </si>
  <si>
    <t xml:space="preserve">Учебники (12 шт.)  </t>
  </si>
  <si>
    <t xml:space="preserve">Учебники  (4 шт.)                                                                                                                                              </t>
  </si>
  <si>
    <t xml:space="preserve">Учебники  (11 шт.)                                                                                                                                              </t>
  </si>
  <si>
    <t xml:space="preserve">Учебники  (2 шт.)                                                                                                                                              </t>
  </si>
  <si>
    <t xml:space="preserve">Учебники  (17 шт.)                                                                                                                                              </t>
  </si>
  <si>
    <t xml:space="preserve">Учебники  (420 шт.)                                                                                                                                              </t>
  </si>
  <si>
    <t xml:space="preserve">Учебники  (15 шт.)                                                                                                                                              </t>
  </si>
  <si>
    <t xml:space="preserve">Учебники  (199 шт.)                                                                                                                                              </t>
  </si>
  <si>
    <t xml:space="preserve">Учебники  (8 шт.)                                                                                                                                              </t>
  </si>
  <si>
    <t xml:space="preserve">Учебники  (76 шт.)                                                                                                                                              </t>
  </si>
  <si>
    <t xml:space="preserve">Учебники  (46 шт.)                                                                                                                                              </t>
  </si>
  <si>
    <t>Учебники "Мнемозина" г/к 67  (1 шт.)</t>
  </si>
  <si>
    <t>Учебники 1 кл. (51 шт.)</t>
  </si>
  <si>
    <t>Учебники 28.09.2012 (32 шт.)</t>
  </si>
  <si>
    <t>Учебники Английский яз.2 кл. Биболетова (9 шт.)</t>
  </si>
  <si>
    <t>Учебники Н. село (1 октября) (13 шт.)</t>
  </si>
  <si>
    <t>Учебники рус.языка (13 шт.)</t>
  </si>
  <si>
    <t>Учебное пособие (56 шт.)</t>
  </si>
  <si>
    <t>Учебники (54 шт.)</t>
  </si>
  <si>
    <t>Учебники (81 шт.)</t>
  </si>
  <si>
    <t>Учебники (64 шт.)</t>
  </si>
  <si>
    <t>Учебники (76 шт.)</t>
  </si>
  <si>
    <t>Учебники (154 шт.)</t>
  </si>
  <si>
    <t>Толковый словарь русского языка (2 шт.)</t>
  </si>
  <si>
    <t>Учебники (125 шт.)</t>
  </si>
  <si>
    <t>Учебники (65 шт.)</t>
  </si>
  <si>
    <t>Учебники (108 шт.)</t>
  </si>
  <si>
    <t>Учебники (318 шт.)</t>
  </si>
  <si>
    <t>Учебники (Франц.язык 5 кл.) (22 шт.)</t>
  </si>
  <si>
    <t>МДОУ Чудиновский детский сад</t>
  </si>
  <si>
    <t>Монитор</t>
  </si>
  <si>
    <t>Ноутбук eME525-902G 16Mi</t>
  </si>
  <si>
    <t>Пылесос Чайка</t>
  </si>
  <si>
    <t>Спортивный комплекс</t>
  </si>
  <si>
    <t>Телевизор ELENBERG LTV-1521</t>
  </si>
  <si>
    <t xml:space="preserve"> Принтер-сканер-копир лазерный</t>
  </si>
  <si>
    <t>холодильник VESTEL-VDD260VW</t>
  </si>
  <si>
    <t>Водонагреватель ARISTON SHAPE 10 R/5</t>
  </si>
  <si>
    <t>Плита 4-х комф. с жар. шкафом</t>
  </si>
  <si>
    <t>Триммер бензо GGT-1000S HUTER</t>
  </si>
  <si>
    <t>Монитор LCO PHILIPS</t>
  </si>
  <si>
    <t>Весы кухон.электр.</t>
  </si>
  <si>
    <t>Шкаф-стенка</t>
  </si>
  <si>
    <t>Стеллаж стенка</t>
  </si>
  <si>
    <t>Радиатор маслян.</t>
  </si>
  <si>
    <t>павильон</t>
  </si>
  <si>
    <t>машина 2-местн.</t>
  </si>
  <si>
    <t>мат с полосками</t>
  </si>
  <si>
    <t>Кушетка медиц.</t>
  </si>
  <si>
    <t>Тумба медиц.подкатная</t>
  </si>
  <si>
    <t>Шкафная стенка «Грибная поляна»</t>
  </si>
  <si>
    <t>Кровать дет. (спинки зелёные, боковины жёлтые)</t>
  </si>
  <si>
    <t>Песочница с распашными дверцами</t>
  </si>
  <si>
    <t>Шкаф хозяйственный Практик</t>
  </si>
  <si>
    <t>Методическая литература-31шт.</t>
  </si>
  <si>
    <t>Монитор Acer V193HQVb</t>
  </si>
  <si>
    <t>Управление социальной защиты населения администрации БМР</t>
  </si>
  <si>
    <t>Источник бесперебойного питания APC Back-UPS ES 700VA</t>
  </si>
  <si>
    <t>МОНИТОР 19" ASUS VB198T black (LCD, 1280x1024, 5 ms, ...)</t>
  </si>
  <si>
    <t>СЕРВЕР в КОМПЛЕКТЕ</t>
  </si>
  <si>
    <t>Персональный компьютер (системный блок KM OFFICE)</t>
  </si>
  <si>
    <t>Принтер лазерный HP LaserJet pro 400</t>
  </si>
  <si>
    <t>ИБП Ippon SMART POWER PRO black</t>
  </si>
  <si>
    <t>Монитор LG Flatron L 1717S SN 17"</t>
  </si>
  <si>
    <t>Многофункциональная система МВ OfficeCenter 316</t>
  </si>
  <si>
    <t>Модем Zyxel Omni 56K NEO v/92 внешний</t>
  </si>
  <si>
    <t>Принтер лазерный Hewelett Pacrard 1020</t>
  </si>
  <si>
    <t>Принтер HP LaserJet 1320</t>
  </si>
  <si>
    <t>Факс Brother 236 на термобумаге</t>
  </si>
  <si>
    <t>Монитор 17"Beng 71G+ Siver-Black 8 ms</t>
  </si>
  <si>
    <t>Переплетная машина S-60</t>
  </si>
  <si>
    <t>Системный блок INTEL e2160\i945\DDR1024\FDD\250SATA\DVDRW\ATX\key+mouse с программным обеспечением (Крюкова С.А.)</t>
  </si>
  <si>
    <t>Монитор Beng TET g 700 Biack Siver (Крюкова С.А.)</t>
  </si>
  <si>
    <t>Принтер лазерный Hewleff Packard LJ</t>
  </si>
  <si>
    <t>Системный блок INTEL e2160\i945\DDR1024\FDD\250SATA\DVDRW\ATX\key+mouse с программным обеспечением (Рыбакова Ю.В.))</t>
  </si>
  <si>
    <t>Монитор LCD 17" Belinea 1705S1</t>
  </si>
  <si>
    <t>Монитор 19" Samsung TFT 943N к серверу</t>
  </si>
  <si>
    <t>Источник бесперебойного питания WAR-600A (каб.№12)</t>
  </si>
  <si>
    <t>Принтер лазерный Hewlett Packard LG P 2055 Duplex</t>
  </si>
  <si>
    <t>Сканер Canon CanonScan LiDe 210</t>
  </si>
  <si>
    <t>ИБП Ippon Back Power Pro 700</t>
  </si>
  <si>
    <t>Компьютер в сборе + комплект шнуров</t>
  </si>
  <si>
    <t>Радиотелефон база с трубкой (13 ,12 кабинеты)</t>
  </si>
  <si>
    <t>Многофункциональное устройство НР 400 М425 (кабинет 12)</t>
  </si>
  <si>
    <t>Факс 982 (кабинет 14)</t>
  </si>
  <si>
    <t>ИБП 700 (бухгалтерия)</t>
  </si>
  <si>
    <t>Кондиционер LS/LU-Y09KEA2</t>
  </si>
  <si>
    <t>Машина швейная переплетная для стрепления печатной продукции ППК-М168</t>
  </si>
  <si>
    <t>Кондиционер Lessar</t>
  </si>
  <si>
    <t>Сервер A&amp;A Server</t>
  </si>
  <si>
    <t>Компьютер HP 280 G1 Intel Celeron G1840 DDR 4Гб 500Гб общий 2015 год</t>
  </si>
  <si>
    <t>Компьютер HP 280 G1 Intel Pentium G3250 гл.бух.2015 год</t>
  </si>
  <si>
    <t>Источник бесперебойного питания/1 2015 г</t>
  </si>
  <si>
    <t>Источник бесперебойного питания/2 2015 г</t>
  </si>
  <si>
    <t xml:space="preserve">Компьютер 310, Intel Pentium G3250, DDR3 2Gb, 500Gb, Intel HD Graphics, Windows </t>
  </si>
  <si>
    <t>Компьютер Office ATX  Windows 10 PRO</t>
  </si>
  <si>
    <t>ИБП Ippon Smart Power Pro 2000 RS-232</t>
  </si>
  <si>
    <t>ИБП Ippon Back Power Pro LCD 600 USB</t>
  </si>
  <si>
    <t>Многофункциональное устройство Brother</t>
  </si>
  <si>
    <t>Серверное оборудование сервер в сборе модель «Ирбис»</t>
  </si>
  <si>
    <t>Автомобиль ВАЗ 21074-21-020 ш 2599391 д 8895905</t>
  </si>
  <si>
    <t>Фасад</t>
  </si>
  <si>
    <t>Сейф огнестойкий (бухгалтерия)</t>
  </si>
  <si>
    <t>Шкаф архивный двухдверный 4 полки  (11 кабинет)</t>
  </si>
  <si>
    <t>Шкаф архивный двухдверный 1 полка (11 кабинет)</t>
  </si>
  <si>
    <t>Антресоль цвет бук темный (начальник)</t>
  </si>
  <si>
    <t>Сплит система с зимним комплектом (кондиционер в серверную комнату)</t>
  </si>
  <si>
    <t>Антресоль 736х580х900h</t>
  </si>
  <si>
    <t>Антресоль 1105х380х900h</t>
  </si>
  <si>
    <t>Антресоль 736х380х900h</t>
  </si>
  <si>
    <t>Стеллаж ЭЛ.БИ-143</t>
  </si>
  <si>
    <t>Стол для компьютера УСК4 груша с надстройкой</t>
  </si>
  <si>
    <t>Стол для компьютера УСК2 С с надстройкой МИЛАН</t>
  </si>
  <si>
    <t>Стол для компьютера № 2</t>
  </si>
  <si>
    <t>Стол 160х100х75,тумба мобильная,сегмент 085</t>
  </si>
  <si>
    <t>Шкафы гардеробный,со стеклами,стеллаж угловой</t>
  </si>
  <si>
    <t>Стол 130х100х75Н,тумба,подставка под блок,монитор,полка под клавиатуру</t>
  </si>
  <si>
    <t>Жалюзи декоративные</t>
  </si>
  <si>
    <t>Стол (стол+тумба+полка под клавиатуру+ подставка под системный блок + подставка под монитор)</t>
  </si>
  <si>
    <t>Шкаф гардеробный + шкаф высокий с 2-мя фасадами+шкаф низкий+стеллаж угловой</t>
  </si>
  <si>
    <t>Шкаф гардеробный (отдел по дет.пособиям)</t>
  </si>
  <si>
    <t>Шкаф гардеробный + шкаф высокий с 2-мя фасадами+шкаф низкий+стеллаж угловой)</t>
  </si>
  <si>
    <t>Шкаф высокий с фасадами (отдел по дет.пособиям)</t>
  </si>
  <si>
    <t>Тумба мобильная \4ящ.\ 45х60х75Р (бухгалтерия- 1)</t>
  </si>
  <si>
    <t>Тумба мобильная \4ящ.\ 45х60х75Р (бухгалтерия- 2)</t>
  </si>
  <si>
    <t>Тумба мобильная \4ящ.\ 45х60х75Р (отдел по дет.пособиям)</t>
  </si>
  <si>
    <t>Шкаф-купе 100х40х225Н, стеллаж 60х40х225Н</t>
  </si>
  <si>
    <t>Шкаф-купе 115х60х225Н, шкаф 50х60х225Н с зеркалом</t>
  </si>
  <si>
    <t>Стол криволинейный - 1</t>
  </si>
  <si>
    <t>Стол криволинейный - 2</t>
  </si>
  <si>
    <t>Секция 3-х местная "Тайм" (иск. кожа, темно-коричневый)</t>
  </si>
  <si>
    <t>Секция 4-х местная "Тайм" (иск. кожа, темно-коричневый)</t>
  </si>
  <si>
    <t>Приставка 1440х550х750H с тумбой 4 ящика</t>
  </si>
  <si>
    <t>Кресло офисное "Линда плюс"</t>
  </si>
  <si>
    <t>Антресоль - купе 1650*600*650Н</t>
  </si>
  <si>
    <t>Кресло оператора, экокожа, 530864</t>
  </si>
  <si>
    <t xml:space="preserve">Монитор </t>
  </si>
  <si>
    <t>Финансовое управление  администрации БМР</t>
  </si>
  <si>
    <t>Сервер</t>
  </si>
  <si>
    <t>ИБП</t>
  </si>
  <si>
    <t>Соболь</t>
  </si>
  <si>
    <t>Коммуникационный шкаф</t>
  </si>
  <si>
    <t>Коммутатор</t>
  </si>
  <si>
    <t>Принтер H P LJ 2015D</t>
  </si>
  <si>
    <t>Пылесос для оргтехники</t>
  </si>
  <si>
    <t>Сервер AltairMulti</t>
  </si>
  <si>
    <t>Копир/принтер</t>
  </si>
  <si>
    <t>Принтер P2055dn</t>
  </si>
  <si>
    <t>ИБП АРС</t>
  </si>
  <si>
    <t>Принтер НР LJ Color 1525</t>
  </si>
  <si>
    <t>Принтер НР LJ 5200</t>
  </si>
  <si>
    <t>Принтер НР LJ P2055D</t>
  </si>
  <si>
    <t>Сплит-система (кондиционер)</t>
  </si>
  <si>
    <t>Кондиционер</t>
  </si>
  <si>
    <t>ИПБ</t>
  </si>
  <si>
    <t>ИБП АРС Smart-UPS</t>
  </si>
  <si>
    <t xml:space="preserve">ИБП АРС </t>
  </si>
  <si>
    <t>Принтер HP Laser jet Pro 402</t>
  </si>
  <si>
    <t>Телефон</t>
  </si>
  <si>
    <t>Принтер HP LJ PRO 402</t>
  </si>
  <si>
    <t>МФУ HP LJ PRO MFP M426</t>
  </si>
  <si>
    <t>Компьтер</t>
  </si>
  <si>
    <t>Принтер HP LJ PRO M402</t>
  </si>
  <si>
    <t xml:space="preserve">Стол руководителя </t>
  </si>
  <si>
    <t xml:space="preserve">Стол для клиентов </t>
  </si>
  <si>
    <t>Тумба под ксерокс</t>
  </si>
  <si>
    <t>Стол угловой</t>
  </si>
  <si>
    <t>Шкаф для клиентов</t>
  </si>
  <si>
    <t>Тумба мобильная</t>
  </si>
  <si>
    <t>Стойка</t>
  </si>
  <si>
    <t>Стол эргономичный</t>
  </si>
  <si>
    <t xml:space="preserve">Тумба мобильная </t>
  </si>
  <si>
    <t>Шкаф с двумя фасадами</t>
  </si>
  <si>
    <t>Стол криволинейный</t>
  </si>
  <si>
    <t>Тумба приставная с нишей</t>
  </si>
  <si>
    <t>Шкаф высокий 4-х дверный</t>
  </si>
  <si>
    <t>Шкаф выс. 4-х дв. со стеклом</t>
  </si>
  <si>
    <t>Шкаф высокий 2-х дв.</t>
  </si>
  <si>
    <t>Шкаф высокый 3-х дв.</t>
  </si>
  <si>
    <t>Стеллаж угловой</t>
  </si>
  <si>
    <t>Тумба</t>
  </si>
  <si>
    <t>Тумба угловая</t>
  </si>
  <si>
    <t>Кресло КР</t>
  </si>
  <si>
    <t>Шкаф для документов (вишня)</t>
  </si>
  <si>
    <t>Шкаф для одежды с антресолью (вишня)</t>
  </si>
  <si>
    <t>Тумба двухдверная (вишня)</t>
  </si>
  <si>
    <t>Тумба комбинированная (ольха)</t>
  </si>
  <si>
    <t>Кресло Manager</t>
  </si>
  <si>
    <t>Кресло Астро 1X</t>
  </si>
  <si>
    <t>Защитный напольный коврик</t>
  </si>
  <si>
    <t>Люстра 3313-5 Varna</t>
  </si>
  <si>
    <t xml:space="preserve">Кресло Manager, чёрная ткань, С11  </t>
  </si>
  <si>
    <t>Вагончик бытовой для переодевания</t>
  </si>
  <si>
    <t>Администрация Большесельского МР</t>
  </si>
  <si>
    <t>Раздевалка на хоккейном корте с. Большое Село, ул. Сурикова</t>
  </si>
  <si>
    <t>Спортивная площадка для баскетбола,волейбола и мини-футбола, с.Большое Село,ул.Сурикова</t>
  </si>
  <si>
    <t>Плоскостное спортивное сооружение хоккейного корта  с.Большое Село,ул.Сурикова</t>
  </si>
  <si>
    <t>Подвесная волоконно-оптическая линия связи</t>
  </si>
  <si>
    <t>Металлическое изделие «Сцена-Ноты»</t>
  </si>
  <si>
    <t>Объемная конструкция арфа</t>
  </si>
  <si>
    <t>Металлическая арка (для оформления входа экспозиции)</t>
  </si>
  <si>
    <t>Факс-аппарат Panasonic</t>
  </si>
  <si>
    <t>ИБП Powercom WAR-1000AP Warrion</t>
  </si>
  <si>
    <t>Копир-принтер-сканер</t>
  </si>
  <si>
    <t>Прибор S - 60</t>
  </si>
  <si>
    <t>Принтер Canon LBP-3010В</t>
  </si>
  <si>
    <t>Принтер лазерный Canon</t>
  </si>
  <si>
    <t>Видеокамера SON1 DCR -DVD 308</t>
  </si>
  <si>
    <t>Копировальный аппарат CANON FC- 108</t>
  </si>
  <si>
    <t>Факсовый аппарат Panasonic</t>
  </si>
  <si>
    <t>Компьютер BENG</t>
  </si>
  <si>
    <t>Лазерный принтер HP "LaserJet 1018", А4 (USB)</t>
  </si>
  <si>
    <t>Факс Brotherm 236</t>
  </si>
  <si>
    <t>Телевизор TOSHIBA</t>
  </si>
  <si>
    <t>Цифровой фотоаппатар PANASONIK DMC</t>
  </si>
  <si>
    <t>Копир SAMSUNG SCX 4100</t>
  </si>
  <si>
    <t>Музыкальный центр Sony GT 22</t>
  </si>
  <si>
    <t>Телефон - ФАКС PANASONIC KX-FT RV</t>
  </si>
  <si>
    <t>Принтер лазерный Hewlett Packard LJ 1018</t>
  </si>
  <si>
    <t>Принтер-сканер SAMSUNG</t>
  </si>
  <si>
    <t>Радиатор</t>
  </si>
  <si>
    <t>Факс/аппарат</t>
  </si>
  <si>
    <t>Ноутбук Acer</t>
  </si>
  <si>
    <t>Многофункциональная система MB Office Center</t>
  </si>
  <si>
    <t>Радиостанция JJ - С</t>
  </si>
  <si>
    <t>Навигатор</t>
  </si>
  <si>
    <t>Принтер Xerox Phaser</t>
  </si>
  <si>
    <t>МФУ Samsung</t>
  </si>
  <si>
    <t>Принтер XEROX</t>
  </si>
  <si>
    <t>Принтер CanonPIXMA JP3600</t>
  </si>
  <si>
    <t>Многофункциональное устройство CANON i-sensys MF 4018</t>
  </si>
  <si>
    <t>Сервер AT TAHPMULTI SL 223i</t>
  </si>
  <si>
    <t>Факс PANASONIK KX FC 228 RUT</t>
  </si>
  <si>
    <t>Принтер Canon LBP-3010B</t>
  </si>
  <si>
    <t>Сканер Mustek Bear Pau</t>
  </si>
  <si>
    <t>Принтер лазерный HP Laser Set 102014</t>
  </si>
  <si>
    <t>Настенный кондиционер</t>
  </si>
  <si>
    <t>Компьютер Core 2Duo</t>
  </si>
  <si>
    <t>Принтер HP Laserjrt P2055dn</t>
  </si>
  <si>
    <t>Принтер/копир/сканер Canon i-SENSYS MF4320d</t>
  </si>
  <si>
    <t>Цифровой ф/а Sony Cybershot DSC-S1900</t>
  </si>
  <si>
    <t>Кондиционер Fuiytsu General ASH 9U</t>
  </si>
  <si>
    <t>Принтер HP LaserJet P2055 dn</t>
  </si>
  <si>
    <t>Принтер HP Color LaserJet Pro CP1025 nw</t>
  </si>
  <si>
    <t>Профи мойка ВД</t>
  </si>
  <si>
    <t>Сканер Сanon CanoScan LiDe 110</t>
  </si>
  <si>
    <t>Сканер Epson Perfection V33</t>
  </si>
  <si>
    <t>Копировальный аппарат XEROX WorkCentre 3210</t>
  </si>
  <si>
    <t>Копир-принтер-сканер-факс Xerox WorkCentre WC3210</t>
  </si>
  <si>
    <t>Кондиционер RK-12SDM3</t>
  </si>
  <si>
    <t xml:space="preserve">Принтер НР LaserJet </t>
  </si>
  <si>
    <t>Диктофон  Olympus VN-713PC 4GB Black</t>
  </si>
  <si>
    <t>Принтер  HP LaserJet P1606dn  (СЕ 749 А)</t>
  </si>
  <si>
    <t>Принтер HP LJ-1320</t>
  </si>
  <si>
    <t>Дальномер Bosch GLM 50 Prof</t>
  </si>
  <si>
    <t xml:space="preserve">Цифровой ф/а Canon PowerShot SX240 HS Black </t>
  </si>
  <si>
    <t>Принтер Canon LBP-6000B</t>
  </si>
  <si>
    <t>Копир-принтер-сканер Canon I-SENSYS MF 4410</t>
  </si>
  <si>
    <t>Сервер IBM Express х 3550 М4</t>
  </si>
  <si>
    <t>Сервер HP DL 160G6</t>
  </si>
  <si>
    <t>Сервер Sinto Sword</t>
  </si>
  <si>
    <t>ИБП Ippon Innova RT 3000 2U</t>
  </si>
  <si>
    <t>Переключатель-KVMP ATEN CL5708MR</t>
  </si>
  <si>
    <t>Коммутатор D-Link DGS-1210-28</t>
  </si>
  <si>
    <t>Планшет Asus EEEPad  TF300T+Doc Station Tegra3</t>
  </si>
  <si>
    <t>Копир-принтер-сканер-факс Canon I-SENSYS MF4450</t>
  </si>
  <si>
    <t>Устройство для прошивки документов ППК  М168</t>
  </si>
  <si>
    <t xml:space="preserve">ПАК (тип 1) ViPNet Coordinator HW1000 </t>
  </si>
  <si>
    <t xml:space="preserve">Копир-принтер-сканер-факс HP LaserJet M1212nf </t>
  </si>
  <si>
    <t>Принтер-копир-сканер Canon i-SENSYS MF4410</t>
  </si>
  <si>
    <t>Принтер Canon LBP6020B</t>
  </si>
  <si>
    <t>Телевизор LED 42" LG 42LN540V</t>
  </si>
  <si>
    <t xml:space="preserve">Принтер  CANON LASER LBR-3010  </t>
  </si>
  <si>
    <t>Принтер Epson L800</t>
  </si>
  <si>
    <t>Видеотерминал пользователя Polycom QDX 6000 (7200-30831-102)</t>
  </si>
  <si>
    <t xml:space="preserve">Программно-аппаратный комплекс  ViPNet Coordinator HW100С </t>
  </si>
  <si>
    <t>Водонагреватель ARISTON ABS 80л.</t>
  </si>
  <si>
    <t>Компрессор масляный  PRORAB 2124</t>
  </si>
  <si>
    <t xml:space="preserve">Компьютер </t>
  </si>
  <si>
    <t>МФУ Canon i-SENSYS MF4750(Принтер/Копир/Сканер/Факс:А4 23 ррm 1200х600 dpi ADF U</t>
  </si>
  <si>
    <t>Компактная камера Canon PowerShot SX50 HS</t>
  </si>
  <si>
    <t>Дальномер лазерный  А00240-60</t>
  </si>
  <si>
    <t>Мегафон SHOW ER 67S</t>
  </si>
  <si>
    <t>Принтер HP LJ P2035</t>
  </si>
  <si>
    <t>Принтер Canon LBP 3010B</t>
  </si>
  <si>
    <t>Компьютер Intel Core i-5-4430</t>
  </si>
  <si>
    <t xml:space="preserve">Принтер HP LaserJet P1606dn </t>
  </si>
  <si>
    <t>Сплит-система  LS/LU- H09KF A2</t>
  </si>
  <si>
    <t>Сплит-система  LS/LU- H12KF A2</t>
  </si>
  <si>
    <t>Сплит-система  LS/LU- H18KF A2</t>
  </si>
  <si>
    <t>Сканер HP ScanJet Professional 3000 s2</t>
  </si>
  <si>
    <t>Мотопомпа KOSHIN SEV-80X</t>
  </si>
  <si>
    <t>Копир-принтер-сканер-факс HP LaserJet Pro M127fn</t>
  </si>
  <si>
    <t>Телефон Siemens OptiPoint 500 Standard</t>
  </si>
  <si>
    <t xml:space="preserve">15,6" Ноутбук HP Pavillion 15-n210sr (HD) AMD A10-4655M </t>
  </si>
  <si>
    <t>Источник бесперебойного питания IPPON Back Power Pro 600 New,600ВА</t>
  </si>
  <si>
    <t>Принтер матричный EPSON LX-350</t>
  </si>
  <si>
    <t>Сканер Canon CanoScan 9000F</t>
  </si>
  <si>
    <t>Снегоуборщик 5,5л.с  RED VERG RD 551 QE</t>
  </si>
  <si>
    <t>Компьютер Office Core i3 3220</t>
  </si>
  <si>
    <t>GSM-терминал (АСО GSM)</t>
  </si>
  <si>
    <t>LaserJet P2055d монохр.лаз.принтер А4,33 стр/мин,1200х1200,64Mb</t>
  </si>
  <si>
    <t>Веб-камера Logitetech QuickCam Pro 9000/ LOGITECH</t>
  </si>
  <si>
    <t>Генератор Марка SDMO SH 7500 TE-2 авто</t>
  </si>
  <si>
    <t>ИБП APC Back UPS ES 700VA 230V Russian</t>
  </si>
  <si>
    <t>Переговорное устройство /Polycom</t>
  </si>
  <si>
    <t>Сервер для ЕДДС</t>
  </si>
  <si>
    <t>Система записи для цифровых каналов Омега СЗ 4-1/К-4-К(USB)</t>
  </si>
  <si>
    <t>Система оповещания автоматизированная АСО-8-3М-П</t>
  </si>
  <si>
    <t>Телефон optiPoint 500 advance (arctic)</t>
  </si>
  <si>
    <t>Терминал  WIDE-IPDSS</t>
  </si>
  <si>
    <t>Технологическая ПВЭМ оповещения</t>
  </si>
  <si>
    <t>Управляющая ПВЭМ</t>
  </si>
  <si>
    <t>Устройство УЗС 2-2А29Н</t>
  </si>
  <si>
    <t>Устройство УЗС 3-1А19Н</t>
  </si>
  <si>
    <t>Устройство УЗС2-2А23Н</t>
  </si>
  <si>
    <t>Цифровой телефонный аппарат Siemens с соединительным шнуром</t>
  </si>
  <si>
    <t>Щит выходной коммутации ЩК10-1</t>
  </si>
  <si>
    <t>Коммутатор с 24 портами 10/100/1000Base-T Layer 2 unmanaged Gigabit Switch 24х10</t>
  </si>
  <si>
    <t>Принтер Epson Stylus T50,А4</t>
  </si>
  <si>
    <t>Анализатор молока "Лактан 1-4"</t>
  </si>
  <si>
    <t>ИБП Ippon Baсk Power Pro 700</t>
  </si>
  <si>
    <t>Принтер HP LaserJet Pro 201</t>
  </si>
  <si>
    <t>ИБП Ippon Back Oficce</t>
  </si>
  <si>
    <t>Бинокль «OLYMPUS» 12х40 WF (TM-76-2)</t>
  </si>
  <si>
    <t>Мегафон Show ER66SDR, ручной</t>
  </si>
  <si>
    <t>ИБП Ippon Back Officce</t>
  </si>
  <si>
    <t>Ноутбук LENOVO IdeaPad 100-15IBY 15.6"</t>
  </si>
  <si>
    <t>ИБП Ippon Back Office</t>
  </si>
  <si>
    <t>Вентилятор ДН-9 15 квт/1500 прав.вр.</t>
  </si>
  <si>
    <t>Зеркальный ф/а CANON EOS 600D kit 18 млн.пикселей</t>
  </si>
  <si>
    <t>Кондиционер LS/LU-H09KJA 2</t>
  </si>
  <si>
    <t>ИБП Ippon Back Office 600 300Вт</t>
  </si>
  <si>
    <t>Бензотриммер PATRIOT GARDEN PT 555 диск+леска 52см3</t>
  </si>
  <si>
    <t>Газонокосилка 9612100-27 HUSQVARNA LB 155 S</t>
  </si>
  <si>
    <t>Сканер HP ScanJer G4050</t>
  </si>
  <si>
    <t>ИБП Ippon Back Power Pro 700 ВА</t>
  </si>
  <si>
    <t>Кондиционер Lessar LS/LU-H12KKA2A</t>
  </si>
  <si>
    <t>ИБП Ippon Bask Power Pro 700 BA</t>
  </si>
  <si>
    <t>ИБП Ippon Bask Office</t>
  </si>
  <si>
    <t>Ствол пожарный перекрывной PCК-50А</t>
  </si>
  <si>
    <t>Принтер HP LaserJet Pro  М104</t>
  </si>
  <si>
    <t>Сканер CANON Canoscan LiDe 120</t>
  </si>
  <si>
    <t>Кондиционер Lessar настенный LS-H09 в комплекте</t>
  </si>
  <si>
    <t>Брошюровочная машина POFIOFFICE Bindstream M08</t>
  </si>
  <si>
    <t>Уничтожитель документов PROFIOFFICE Alligator 620 СС+</t>
  </si>
  <si>
    <t>МФУ с лазерной печатью HP LaserJet Pro M132 fпринтер,копир,сканер,факс,сетевой</t>
  </si>
  <si>
    <t>МФУ HP Laserjet Pro M125</t>
  </si>
  <si>
    <t>Удлинитель на кат. УК50 на мет.барабане с теромозащ. 4 места</t>
  </si>
  <si>
    <t>ИБП Powercom Raptor RPT-800АР</t>
  </si>
  <si>
    <t>Принтер HP LaserJet Pro M201 dw</t>
  </si>
  <si>
    <t>Устройство для прошивки документов YUNGER М268</t>
  </si>
  <si>
    <t>Кондиционер Lessar LS-HE09RL2A/LU-HEO09RLA2A</t>
  </si>
  <si>
    <t>Факсимильный аппарат Panasonic KX-FL423RUB</t>
  </si>
  <si>
    <t>Сканер CANON Canoscan LIDE 120</t>
  </si>
  <si>
    <t>Системный TDM-телефон L30250-F600-A116 OptiPoint 500 advance</t>
  </si>
  <si>
    <t>Горелка РМГ – 1М базовая модель</t>
  </si>
  <si>
    <t>Принтер монохромный струйный с автоматической двухсторонней печатью Epson WF-M51</t>
  </si>
  <si>
    <t>МФУ PANASONIC KX – МВ2000, лазерный</t>
  </si>
  <si>
    <t>Нагреватель воздуха газовый 243-967 QE-55G</t>
  </si>
  <si>
    <t>Принтер HP LaserJet PRO M203dw</t>
  </si>
  <si>
    <t>Источник бесперебойного питания POWERCOM Raptor 2000 BA</t>
  </si>
  <si>
    <t>Лазерный принтер HP LJ M402</t>
  </si>
  <si>
    <t>Автомобиль Nissan Almera 1,5</t>
  </si>
  <si>
    <t>Автомобиль Nissan Almera Classik 1.6 РЕ</t>
  </si>
  <si>
    <t>Снегоход "Буран" АДЕ</t>
  </si>
  <si>
    <t xml:space="preserve">Автомобиль Nissan Almera </t>
  </si>
  <si>
    <t>КФ-1 шкаф книжный узкий открытый</t>
  </si>
  <si>
    <t>ЭТЮД С 15.2 Шкаф закрытый</t>
  </si>
  <si>
    <t>Диван «Вега»</t>
  </si>
  <si>
    <t>Жалюзи тк.Киото (белый)</t>
  </si>
  <si>
    <t>Стол сервир.</t>
  </si>
  <si>
    <t>Шкаф для документов с антресолями</t>
  </si>
  <si>
    <t>Шкаф для одежды с антресолями</t>
  </si>
  <si>
    <t>Стеллаж высокий широкий</t>
  </si>
  <si>
    <t>Ковер ОВАЛ 2,5 х 5</t>
  </si>
  <si>
    <t>Офисное кресло</t>
  </si>
  <si>
    <t>Офисный диван</t>
  </si>
  <si>
    <t>Полукресло</t>
  </si>
  <si>
    <t>Сейф грант</t>
  </si>
  <si>
    <t>Стул</t>
  </si>
  <si>
    <t>Шкаф Калипсо</t>
  </si>
  <si>
    <t>Ящик металлический бух.</t>
  </si>
  <si>
    <t>Стул «Консул»</t>
  </si>
  <si>
    <t>Холодильник «Смоленск»</t>
  </si>
  <si>
    <t>Стол приставной 2500*800*750Н</t>
  </si>
  <si>
    <t>Стол рабочий 200*90*78Н</t>
  </si>
  <si>
    <t>Стол эргономичный 160*100*75Н</t>
  </si>
  <si>
    <t>Стол эргономичный 1700*1500*750Н</t>
  </si>
  <si>
    <t>Стол эргономичный 1550*1500*750Н</t>
  </si>
  <si>
    <t>Стол 2700х800х750Н</t>
  </si>
  <si>
    <t>Стул "Троя"</t>
  </si>
  <si>
    <t>Тумба 90*50*70Н</t>
  </si>
  <si>
    <t>Шкаф высок. с фас. и стекл.74*38*194Н</t>
  </si>
  <si>
    <t>Шкаф гардеробный 74*38*194Н</t>
  </si>
  <si>
    <t>Шкаф гардеробный 74*38* 194Н</t>
  </si>
  <si>
    <t>Шкаф канцел. для 20яч.</t>
  </si>
  <si>
    <t>Кресло офисное</t>
  </si>
  <si>
    <t>Диван угловой «Бизон»</t>
  </si>
  <si>
    <t>Стол для н/т с сеткой</t>
  </si>
  <si>
    <t>Световой комплект</t>
  </si>
  <si>
    <t>Жалюзи вертикальные белые</t>
  </si>
  <si>
    <t xml:space="preserve">Жалюзи вертикальные </t>
  </si>
  <si>
    <t>Холодильник САРАТОВ264</t>
  </si>
  <si>
    <t>Стол эргономичный 1700х1150х750Н</t>
  </si>
  <si>
    <t>Стол эргономичный 1900х880х750Н</t>
  </si>
  <si>
    <t>Шкаф гардеробный 740*580*1940н</t>
  </si>
  <si>
    <t>Шкаф канцелярский со стеклом</t>
  </si>
  <si>
    <t>Зеркало</t>
  </si>
  <si>
    <t xml:space="preserve">Кресло </t>
  </si>
  <si>
    <t>Скамья многофункц"ATEMI" ASB 910</t>
  </si>
  <si>
    <t>Стол с двумя тумбами 1500*600*750Н</t>
  </si>
  <si>
    <t>Тумба приставная комби-нированная 600*400*750Н</t>
  </si>
  <si>
    <t>Ширма</t>
  </si>
  <si>
    <t>Шкаф гардеробный с антресолью 850*400*2800Н</t>
  </si>
  <si>
    <t>Шкаф для документов с замком 1000*520*2250Н</t>
  </si>
  <si>
    <t>Шкаф для документов с нишей 950*440*2250Н</t>
  </si>
  <si>
    <t>Шкаф для документов узкий 440*520*2250Н</t>
  </si>
  <si>
    <t>Шкаф для документов 850*400*2800Н</t>
  </si>
  <si>
    <t>Шкаф для документов 950*440*2250Н</t>
  </si>
  <si>
    <t>Шкаф для документов со стеклом 500*400*2000Н0</t>
  </si>
  <si>
    <t>Шкаф для документов со стеклом 600*400*2000Н0</t>
  </si>
  <si>
    <t>Шкаф для одежды угловой 700*700*2000Н</t>
  </si>
  <si>
    <t>Шкаф канцелярский 850*380*2800Н с антресолью</t>
  </si>
  <si>
    <t>Шкаф канцелярский 940*380*2100Н</t>
  </si>
  <si>
    <t>Шкаф-витрина с 4-мя полками,800*370*2235</t>
  </si>
  <si>
    <t>Стойка телеккомуникационная серверная</t>
  </si>
  <si>
    <t>Шкаф трехстворчатый с антресолью 1100х580х2300h</t>
  </si>
  <si>
    <t>Шкаф для документов со стеклом 370х380х2000h</t>
  </si>
  <si>
    <t>Стол угловой 900х1400х75h c подставкой под системный блок и подставкой под клавиатуру</t>
  </si>
  <si>
    <t>Тумба  под оргтехнику 900х600х750h</t>
  </si>
  <si>
    <t>Тумба  мобильная 450х600х750h</t>
  </si>
  <si>
    <t>Шкаф гардеробный 1100х380х1940h</t>
  </si>
  <si>
    <t>Шкаф для документов 740х380х2000h</t>
  </si>
  <si>
    <t>Шкаф для одежды 500х500х2030h</t>
  </si>
  <si>
    <t>Шкаф для документов со стеклом 740х400х2030h</t>
  </si>
  <si>
    <t>Шкаф для документов 740х400х2030h</t>
  </si>
  <si>
    <t>Стол для руководителя с подставкой под системный блок 1800х700х750h</t>
  </si>
  <si>
    <t>Шкаф для одежды 500х500х2400h</t>
  </si>
  <si>
    <t>Шкаф для документов 700х400х2400h</t>
  </si>
  <si>
    <t xml:space="preserve">Шкаф угловой 600х600х1940h </t>
  </si>
  <si>
    <t xml:space="preserve">Шкаф для документов с 2 фасадами 740х380х1940h </t>
  </si>
  <si>
    <t>Шкаф для документов со стеклом 740х380х1940h</t>
  </si>
  <si>
    <t>Шкаф угловой 700х700х1940h</t>
  </si>
  <si>
    <t>Стол 1400х1600х750h с под.д/сист.блока и полкой д/клав.</t>
  </si>
  <si>
    <t>Тумба 1000х380х750h</t>
  </si>
  <si>
    <t xml:space="preserve">Тумба мобильная 450х450х580h </t>
  </si>
  <si>
    <t xml:space="preserve">Тумба  800х450х600h </t>
  </si>
  <si>
    <t xml:space="preserve">Тумба приставная 450х500х750h </t>
  </si>
  <si>
    <t xml:space="preserve">Тумба  1960х380х750h </t>
  </si>
  <si>
    <t>Витрина 740х250х1700h</t>
  </si>
  <si>
    <t>Стол  офисный</t>
  </si>
  <si>
    <t>Кресло Bibione</t>
  </si>
  <si>
    <t>Кресло Chairman 651</t>
  </si>
  <si>
    <t>Стол  1500х1400х750h с под. д/сис.блока и полкой д/клав.</t>
  </si>
  <si>
    <t>Стол  1500х1600х750h с под. д/сис.блока и полкой д/клав.</t>
  </si>
  <si>
    <t>Стол угловой 1700х1600х750h с под.д/сист.блока и полкой д/клав.</t>
  </si>
  <si>
    <t>Стол комп."Логика-2"</t>
  </si>
  <si>
    <t>Робот Robo-Pong 540</t>
  </si>
  <si>
    <t>Сетка х/к</t>
  </si>
  <si>
    <t>Баннер</t>
  </si>
  <si>
    <t>Стенд по энергосбережению</t>
  </si>
  <si>
    <t>Стол рабочий 1550*600*750h с полкой под клавиатуру и подставкоц под сист.блок</t>
  </si>
  <si>
    <t>Тент RockLand Shelter 380 2014</t>
  </si>
  <si>
    <t>Рекламная стойка-стеллаж А-7К</t>
  </si>
  <si>
    <t>Баннер золотистый</t>
  </si>
  <si>
    <t>Шкаф архивный ПРАКТИК М-08,двухдверный</t>
  </si>
  <si>
    <t>Кемпинговая палатка для четырех человек ASCONA 4</t>
  </si>
  <si>
    <t xml:space="preserve">Кресло Сhairman </t>
  </si>
  <si>
    <t>Тумба выкатная 420х520х600 мм</t>
  </si>
  <si>
    <t>Шкаф для документов закрытый 900х460х1970</t>
  </si>
  <si>
    <t>Скамейка для запасных игроков при хоккейном корте</t>
  </si>
  <si>
    <t>Информационный стенд 830*800 мм</t>
  </si>
  <si>
    <t>Жалюзи вертикальные ,Лайн II</t>
  </si>
  <si>
    <t>Телекоммуникационный шкаф 42U (комплект)</t>
  </si>
  <si>
    <t>Телекоммуникационный шкаф  800*800*42U в составе</t>
  </si>
  <si>
    <t>Мяч волейбольный Mikasa MVA 200</t>
  </si>
  <si>
    <t>Автомагнитола Pioneer DEH-1600UBB</t>
  </si>
  <si>
    <t>Перетяжка(банер) 550х650см</t>
  </si>
  <si>
    <t>Кресло Манила PL</t>
  </si>
  <si>
    <t>Кресло Chaiman 727</t>
  </si>
  <si>
    <t>Кресло Chaiman 668</t>
  </si>
  <si>
    <t>Шкаф под одежду с антресолью</t>
  </si>
  <si>
    <t>Антресоль над дверной коробкой</t>
  </si>
  <si>
    <t>Шкаф-купе под документы с антресолью</t>
  </si>
  <si>
    <t>Сруб туалета</t>
  </si>
  <si>
    <t>Щит б/б тренировочный 90х120см</t>
  </si>
  <si>
    <t>Ферма б/б щита</t>
  </si>
  <si>
    <t>Микроволновая печь Mystery MMW-1703</t>
  </si>
  <si>
    <t>Кулер напольный Lesoto 16 LK/E (напольный)</t>
  </si>
  <si>
    <t>Чайник BOSCH TWK 6801, металлический</t>
  </si>
  <si>
    <t>Кресло СH-868</t>
  </si>
  <si>
    <t>Стол рабочий эргономичный BS150L, левый, 1500х1000х760мм</t>
  </si>
  <si>
    <t>Стол рабочий эргономичный BS150R, правый, 1500х1000х760мм</t>
  </si>
  <si>
    <t>Тумба приставная, левая, 700х500х760мм, цент.замок на все ящики, с секц.п/сист.блок</t>
  </si>
  <si>
    <t>Тумба приставная, правая, 700х500х760мм, цент.замок на все ящики, с секц.п/сист.блок</t>
  </si>
  <si>
    <t>Приставка торцевая, 1400х450х760мм, с металлической опорой</t>
  </si>
  <si>
    <t>Стол эргономичный 1400x900x750 с подставкой под клавиатуру</t>
  </si>
  <si>
    <t>Стенд информационный "Гражданская оборона" р-р 1,7х1м, 10 карманов, форматом А4</t>
  </si>
  <si>
    <t>Емкость для воды горизонтальная 2000л 1300х1250х1900мм</t>
  </si>
  <si>
    <t>Вешалка групповая Гардикс-3(К) на колесах</t>
  </si>
  <si>
    <t>Тумба подкатная KON03, 430x580x638 мм, центральный замок на все ящики</t>
  </si>
  <si>
    <t>Ворота гандбол/минифутбол 2м х 3м разборные</t>
  </si>
  <si>
    <t>Складной стол для настольного тенниса «Player»</t>
  </si>
  <si>
    <t>Кресло TWISTER</t>
  </si>
  <si>
    <t>Баннер размер 6х2м, люверсы через 0,5 м</t>
  </si>
  <si>
    <t>Стол руководителя</t>
  </si>
  <si>
    <t>Стол приставной к столу руководителя</t>
  </si>
  <si>
    <t>Брифинг приставка к приставному столу</t>
  </si>
  <si>
    <t>Тумба приставная с 4 ящиками</t>
  </si>
  <si>
    <t>Шкаф со стеклом тон. В раме ЛДСП</t>
  </si>
  <si>
    <t>Светильник Cilitux 125161 Астро 6*75Вт</t>
  </si>
  <si>
    <t>Мяч волейбольный профессиональный «MIKASA MVA200»</t>
  </si>
  <si>
    <t>Стойки волейбольные пристенные</t>
  </si>
  <si>
    <t>Мяч футзальный «SELECT Futsal Master»</t>
  </si>
  <si>
    <t>Термос-кипятильник  (термопот) ATLANTA ATH-2652</t>
  </si>
  <si>
    <t>Кресло CH-300AXSN</t>
  </si>
  <si>
    <t>Шкаф закрытый с полками 4 двери 850х400х2000</t>
  </si>
  <si>
    <t>Кресло  Алвест AV 128 СН</t>
  </si>
  <si>
    <t>Микроволновая печь SAMSUNG ME 83KRW-1/BW</t>
  </si>
  <si>
    <t>Стремянка с широкими ступенями  FRAMAR SLIMMY,4 ступени</t>
  </si>
  <si>
    <t>Стенд информационный "Гражданская оборона" ,р-р 1,7х1м, 10 карманов, форматом А4</t>
  </si>
  <si>
    <t>Стол угловой 1600х600х900х750 левый</t>
  </si>
  <si>
    <t>Стол угловой 1600х600х900х750 правый</t>
  </si>
  <si>
    <t>Брифинг приставка к двум столам 1200х700х750</t>
  </si>
  <si>
    <t>Антресоль закрытая с полками 850х400х800</t>
  </si>
  <si>
    <t>Кресло руководителя Атлант Ультра</t>
  </si>
  <si>
    <t>Кресло сотрудника Стафф</t>
  </si>
  <si>
    <t>Кресло  Manager</t>
  </si>
  <si>
    <t>Силовой тренажер Weider 6900</t>
  </si>
  <si>
    <t>Беговая дорожка  Famely TM 300M</t>
  </si>
  <si>
    <t>Кресло Chairman 279</t>
  </si>
  <si>
    <t>Шкаф угловой открытый</t>
  </si>
  <si>
    <t>Термопот 3 л.</t>
  </si>
  <si>
    <t>Дерево искусственное</t>
  </si>
  <si>
    <t>Колонна</t>
  </si>
  <si>
    <t>Флаг 200x300,сетка</t>
  </si>
  <si>
    <t>Флагшток тройной</t>
  </si>
  <si>
    <t>Герб города (инкрустация)</t>
  </si>
  <si>
    <t>Елка 2,4м</t>
  </si>
  <si>
    <t>Чехлы на сидения а/м Тойота-Корола</t>
  </si>
  <si>
    <t>Котел водогрейный КВ-ГМ-1,0</t>
  </si>
  <si>
    <t>Веб-камера Logitech Webcam QuickCam Pro 9000</t>
  </si>
  <si>
    <t>МУ "Единая дежурно-диспетчерская служба Большесельского муниципального района"</t>
  </si>
  <si>
    <t xml:space="preserve">Сканер Epson Perfection V33 A4
</t>
  </si>
  <si>
    <t>Телевизор SUPRA CTV-LC2128U</t>
  </si>
  <si>
    <t>Факсимильный аппарат Panasonic KX-FT982RUB</t>
  </si>
  <si>
    <t>Принтер Canon LBP6030b</t>
  </si>
  <si>
    <t>Громкоговоритель рупорный ГР50.02, 120В</t>
  </si>
  <si>
    <t>Громкоговоритель рупорный ПО5-01, 120В</t>
  </si>
  <si>
    <t>ИБП POWERCOM Raptor RPT-800 AP</t>
  </si>
  <si>
    <t>Системный TDM-телефон OptiPoint 500 advance L30250-F600-A116</t>
  </si>
  <si>
    <t>Приставка расширения Siemens OptiPoint Key module L30250-F600-A118</t>
  </si>
  <si>
    <t>Принтер лазерный  CANON LBP - 6030B</t>
  </si>
  <si>
    <t>Телефон iP YEALINK SIP-T21P E2</t>
  </si>
  <si>
    <t>ИБП Ippon 2000BA/1200Вт,220В</t>
  </si>
  <si>
    <t>Гарнитура-BlackWire C310 Plantronics, Inc</t>
  </si>
  <si>
    <t>СВЧ-печь</t>
  </si>
  <si>
    <t>Мини-холодильник SHIVAKI SH RF 50 TR</t>
  </si>
  <si>
    <t>Вертикальные жалюзи (Лайн II, св.бежевый)</t>
  </si>
  <si>
    <t>Диван «Марина-5»</t>
  </si>
  <si>
    <t>Тумба приставная с 3-мя ящиками</t>
  </si>
  <si>
    <t>Стол эргономичный 1400x900x750</t>
  </si>
  <si>
    <t>Тумба сервисная 740x450x750</t>
  </si>
  <si>
    <t>Шкаф гардеробный 1200x600x1940</t>
  </si>
  <si>
    <t>Шкаф для документов со стеклом 740x380x1940</t>
  </si>
  <si>
    <t>Стол рабочий 1370x720x750</t>
  </si>
  <si>
    <t>Обогреватель TIMBERK TOR 21.1507 BC, 1500Вт, 7 секций</t>
  </si>
  <si>
    <t>Информационный стенд ИНФОРМАЦИЯ, 6 карманов, (ШХВ) 750х780мм, пластик с акр.карманами</t>
  </si>
  <si>
    <t>Кресло DEVON</t>
  </si>
  <si>
    <t>Жалюзи тк.Лайн (перс.+белый)</t>
  </si>
  <si>
    <t>Аккордеон Pearl River 1/2</t>
  </si>
  <si>
    <t>МБУ ДО Детская музыкальная школа Большесельского МР</t>
  </si>
  <si>
    <t>Аккордеон Weltmeister 3/4</t>
  </si>
  <si>
    <t>Баян "Тула"</t>
  </si>
  <si>
    <t>Баян "Унисон-204"</t>
  </si>
  <si>
    <t>Баян "Унисон-204-У"</t>
  </si>
  <si>
    <t>Баян "Кировский-3"</t>
  </si>
  <si>
    <t>Баян"Огонек-2"</t>
  </si>
  <si>
    <t>Баян "Рубин-5"</t>
  </si>
  <si>
    <t>Баян "Унисон-2"</t>
  </si>
  <si>
    <t>Интерактивная рабочая станция Korq PA500</t>
  </si>
  <si>
    <t>Клавишный аранжировщик Yamaxa PSR-E413</t>
  </si>
  <si>
    <t>Комбо Laney LA-65C</t>
  </si>
  <si>
    <t>Музыкальный центр "Самсунг"</t>
  </si>
  <si>
    <t>Микрофон Sennheiser E835 S</t>
  </si>
  <si>
    <t>Оркестр - комплект 2 шт.</t>
  </si>
  <si>
    <t>Оркестр - комплект 4 шт.</t>
  </si>
  <si>
    <t>Пианино - Рояль</t>
  </si>
  <si>
    <t>Пианино "Владимир"</t>
  </si>
  <si>
    <t>Телевизор LCD Shivaki 2610 RUS + DVD</t>
  </si>
  <si>
    <t>Фортепиано мод "М"</t>
  </si>
  <si>
    <t>Цифровое пианино CASIO PX-120</t>
  </si>
  <si>
    <t xml:space="preserve">Ноутбук Acer </t>
  </si>
  <si>
    <t>Факс Panasonik KX-FT 982 RU-B</t>
  </si>
  <si>
    <t>Цифровой фотоаппарат Sony Cybershot DSC-S2000</t>
  </si>
  <si>
    <t>Комплект ударных шумовых инструментов</t>
  </si>
  <si>
    <t>Ударная установка  ВР-16</t>
  </si>
  <si>
    <t>Мультимедиа-проектор BenQ MS502 DLP</t>
  </si>
  <si>
    <t>Экран на штативе Classic Solution Classic 213х213</t>
  </si>
  <si>
    <t>Гитара классическая BARCELONA CG 10K</t>
  </si>
  <si>
    <t>Баян "Шуя 47/80"</t>
  </si>
  <si>
    <t>Цифровая видеокамера CANON Legria HF R46</t>
  </si>
  <si>
    <t>Струйный принтер EPSON STYLUS L800</t>
  </si>
  <si>
    <t>Ноутбук LENOVO Idea Pad G505,15.6"</t>
  </si>
  <si>
    <t>Баян «Юпитер-2Д»</t>
  </si>
  <si>
    <t>Аккордеон «Юпитер 1Д»</t>
  </si>
  <si>
    <t>Активные колонки DEFENDER Avante M30</t>
  </si>
  <si>
    <t>Баян Тула 46*80-ΙΙ БН41</t>
  </si>
  <si>
    <t>МФУ с лазерной печатью BROTHER DCP-L2540DNR</t>
  </si>
  <si>
    <t>Баян Тула 210 55*100-ΙΙ БН39</t>
  </si>
  <si>
    <t>Доска магнитно-меловая</t>
  </si>
  <si>
    <t>Водонагреватель аккумуля-ционный Thermex H 15-O</t>
  </si>
  <si>
    <t>Люстра Nina</t>
  </si>
  <si>
    <t>Шкаф закрытый с нишей</t>
  </si>
  <si>
    <t xml:space="preserve">Стол учителя </t>
  </si>
  <si>
    <t>Флипчарт MAGNETOPLAN Junior SP</t>
  </si>
  <si>
    <t>Шкаф закрытый с нишей 997.097 (E1,4М)</t>
  </si>
  <si>
    <t xml:space="preserve">Шкаф закрытый с нишей 997.097 (Е1,4М) </t>
  </si>
  <si>
    <t>Шкаф узкий закрытый, 429*450*2010</t>
  </si>
  <si>
    <t>Шкаф хозяйственный ПРАКТИК LS-11-50, однодверный, серый 500х1920х500 мм</t>
  </si>
  <si>
    <t>Шкаф закрытый с нишей  826х370х1807 мм</t>
  </si>
  <si>
    <t>Информационный стенд ИНФОРМАЦИЯ, 8 карманов, 99х78, с акриловыми карманами</t>
  </si>
  <si>
    <t>Баян «Юпитер-1ДНВ»</t>
  </si>
  <si>
    <t>Комплексное аудиовизуальное пособие</t>
  </si>
  <si>
    <t xml:space="preserve">Стенд ( по индивиуальному заказу) </t>
  </si>
  <si>
    <t xml:space="preserve">Активный  субвуфер S 118SA </t>
  </si>
  <si>
    <t>Баян 55х120/52 ||3-х рядный (концертный)</t>
  </si>
  <si>
    <t>Блок проявки копировального аппарата</t>
  </si>
  <si>
    <t>Видеокамера  Sony SR 40</t>
  </si>
  <si>
    <t>Видеокамера "Сони"</t>
  </si>
  <si>
    <t>Духовой оркестр</t>
  </si>
  <si>
    <t>ККМ МЕРКУРИЙ 180К</t>
  </si>
  <si>
    <t>Лазерный эффект зеленый</t>
  </si>
  <si>
    <t>Минидисковая дека</t>
  </si>
  <si>
    <t>Монитор - 15 - 1513  принтер - CANON S-100 сканер - 646</t>
  </si>
  <si>
    <t>Пианино "Десна"</t>
  </si>
  <si>
    <t>Принтер HP Laser</t>
  </si>
  <si>
    <t>Процессор</t>
  </si>
  <si>
    <t>3D Плазменный телевизор 50"-51"Samsunq PS-51</t>
  </si>
  <si>
    <t xml:space="preserve">3 D Blu-Ray Samsunq BD-D5400K </t>
  </si>
  <si>
    <t>Радиосистема Enbao EU-4700</t>
  </si>
  <si>
    <t>Синтезатор "Ямаха"</t>
  </si>
  <si>
    <t>Стробоскоп 1500 ДМХ-512</t>
  </si>
  <si>
    <t>Телевизор 14" ERRISSON 14 35</t>
  </si>
  <si>
    <t xml:space="preserve">Факс Panasonik KX-FP218 RU </t>
  </si>
  <si>
    <t>Фортепиано</t>
  </si>
  <si>
    <t>Эффект световой EWRO</t>
  </si>
  <si>
    <t>Эффект световой MARTIN PRO CX2</t>
  </si>
  <si>
    <t>Эффект световой ИМЛАЙТ</t>
  </si>
  <si>
    <t>Триммер бензо калибр БК-900</t>
  </si>
  <si>
    <t>Кроссовер цифровой</t>
  </si>
  <si>
    <t xml:space="preserve">Ноутбук Samsung </t>
  </si>
  <si>
    <t>Энергосберегающий светодидный прибор заливающего света</t>
  </si>
  <si>
    <t>Цифровой диммер 4*5а на канал ,16 встр.прогр.цифр.дисплей</t>
  </si>
  <si>
    <t>Сабвуфер ES 118 SP4</t>
  </si>
  <si>
    <t>Усилитель мощности ALTO MAC 2.4</t>
  </si>
  <si>
    <t>Вуфер 15" др</t>
  </si>
  <si>
    <t>Субвуфер</t>
  </si>
  <si>
    <t>Пульт микшерный Yamaha MG-24/14 FX</t>
  </si>
  <si>
    <t>Кроссовер цифровой  ALTO МAXIDRIVE 2.3</t>
  </si>
  <si>
    <t>Усилитель мощности  ALTO APX 1500</t>
  </si>
  <si>
    <t>Коробка с кабелем 12вх/4вых</t>
  </si>
  <si>
    <t>Комплект соединительных кабелей</t>
  </si>
  <si>
    <t>Рэковый модуль 8 розеток</t>
  </si>
  <si>
    <t>Усилитель мощности  ALTO D-2</t>
  </si>
  <si>
    <t xml:space="preserve">Рековый кейс GATOR GR-12L </t>
  </si>
  <si>
    <t>Усилитель мощности  ALTO D-1</t>
  </si>
  <si>
    <t>Акустическая система SHOW CSB 175  CV WT-2-х пол АС 100ВТ</t>
  </si>
  <si>
    <t>Ноутбук ASUS X54C</t>
  </si>
  <si>
    <t>Ноутбук Samsung 305V5A</t>
  </si>
  <si>
    <t>Энергосберегающий светодидный прибор заливающего света  Par 83</t>
  </si>
  <si>
    <t>Фольклорные ударные народные инструменты</t>
  </si>
  <si>
    <t>Принтер Epson  L110</t>
  </si>
  <si>
    <t>Видеопроектор Optoma X302</t>
  </si>
  <si>
    <t>Микрофон  Invotone CM 610 PRO</t>
  </si>
  <si>
    <t>Принтер Canon 2000</t>
  </si>
  <si>
    <t>МФУ RICON Aficio SP 100SU</t>
  </si>
  <si>
    <t>Кабина душевая</t>
  </si>
  <si>
    <t>Радиосистема SG 922</t>
  </si>
  <si>
    <t>Зеркальная камера Canon EOS 600D Kit 18-135 mm</t>
  </si>
  <si>
    <t>Принтер HP LaserJrtPro P1102s</t>
  </si>
  <si>
    <t>Ноутбук 15,6" Lenovo G5030 (HD)Celeron N2830</t>
  </si>
  <si>
    <t>Ноутбук  Lenovo Idea Pad B590</t>
  </si>
  <si>
    <t>Ноутбук  Acer Aspire E-3-111-C596</t>
  </si>
  <si>
    <t>Синтезатор YAMAHA PSR-S650</t>
  </si>
  <si>
    <t>Пульт микшерный   ALTO AMX180FX,DSP</t>
  </si>
  <si>
    <t>Усилитель  INVOTONE B600</t>
  </si>
  <si>
    <t>Акустическая система   INVOTONE AS15</t>
  </si>
  <si>
    <t>Электрогитара GregBennett IC1/WR</t>
  </si>
  <si>
    <t>Бас-гитара GregBennett  CR1/BK</t>
  </si>
  <si>
    <t>Комбо INVASION RGV40</t>
  </si>
  <si>
    <t>Микрофон  INVOTONE DM1000</t>
  </si>
  <si>
    <t>Ударная установка Ddrum D2 BS,5 бараб,2 тарелки,стойки,педаль,палочки</t>
  </si>
  <si>
    <t>Прожектор Involight LED Par64/BK,светодиодный RGB,DMX-512</t>
  </si>
  <si>
    <t>Вращающая голова Involight LED MH315TCOB,заливного света</t>
  </si>
  <si>
    <t>Комбо  Behringer BXL1800 ,бас-гитарная раб.станция</t>
  </si>
  <si>
    <t>Микрофон  INVOTONE CM610PRO</t>
  </si>
  <si>
    <t xml:space="preserve">Внешний жесткий диск 2,5" WD WD WDBJNZ0010BBL-EEUE 1TB </t>
  </si>
  <si>
    <t>Тягово-сцепное устройство 2705 с пакетом</t>
  </si>
  <si>
    <t>Ноутбук Asus F553MA-BING-SX664B</t>
  </si>
  <si>
    <t>МФУ HP Laserjet Pro M125г</t>
  </si>
  <si>
    <t>Телевизор LED GORDSTAR LT-22T300F</t>
  </si>
  <si>
    <t>Цифровая видеокамера SONY HDR-CX405</t>
  </si>
  <si>
    <t>Радиосистема с головн.гарнитур. PASGAO PAW430//RBT172/PH 90,16 кан.вст.ант.инд.</t>
  </si>
  <si>
    <t>Световой эффект Involight LED RX350HP-LED</t>
  </si>
  <si>
    <t>Лазерный эффект Involight SLL150RG-FS</t>
  </si>
  <si>
    <t>Эффект светодиодный Involight LED PANEL 112-5- LED</t>
  </si>
  <si>
    <t>МФУ HP LaserJet Pro M435nw_А3E42A</t>
  </si>
  <si>
    <t>PRO МХМ МР10 профессиональный активный микшерный пульт с процессором эффектов</t>
  </si>
  <si>
    <t>Микрофон Behringer Cl конденсаторный, студийный С1</t>
  </si>
  <si>
    <t>Микрофон Behringer С1 конденсаторный, студийный С1</t>
  </si>
  <si>
    <t>Кроссовер 2-х полосный стерео, 3-х полосный моно 444264 Invotone 1X023</t>
  </si>
  <si>
    <t>Тахограф Atol  DRIVE-5 с модулем СКЗИ</t>
  </si>
  <si>
    <t>Автобус ГАЗ -322132</t>
  </si>
  <si>
    <t>Прицеп 82942Т 2,5м</t>
  </si>
  <si>
    <t>Жалюзи горизонтальные</t>
  </si>
  <si>
    <t>Костюм"Снегурочка"</t>
  </si>
  <si>
    <t>Станки балетные</t>
  </si>
  <si>
    <t>Стенды комплект</t>
  </si>
  <si>
    <t>Стол трапециевидный 1550*700*710-760 на хромированных опорах</t>
  </si>
  <si>
    <t>Вешалка групповая</t>
  </si>
  <si>
    <t>Табурет барный  МЕТ БЛЮЗ</t>
  </si>
  <si>
    <t>Пылесос  Самсунг  VCC-4326</t>
  </si>
  <si>
    <t>Тумба выкатная 1277*577**690</t>
  </si>
  <si>
    <t>Стол 1800*906*750</t>
  </si>
  <si>
    <t>Конференц-стол 2400*1200</t>
  </si>
  <si>
    <t>Тумба выкатная 1277*577*690</t>
  </si>
  <si>
    <t>Тумба выкатная  с центральным замком 400*450*710</t>
  </si>
  <si>
    <t>Шкаф- витрина 800*430*1945</t>
  </si>
  <si>
    <t xml:space="preserve">Вешалка групповая </t>
  </si>
  <si>
    <t>Термос-кипятильник (термопот) SCARLETT SC-1229</t>
  </si>
  <si>
    <t>Пылесос SAMSUNG SC-5491</t>
  </si>
  <si>
    <t>Диван 3-х местный без подлокотников 1560*720*730</t>
  </si>
  <si>
    <t xml:space="preserve">Ель </t>
  </si>
  <si>
    <t>Костюм театральный с кокошником</t>
  </si>
  <si>
    <t>Ель искуственная Маккона 210 см</t>
  </si>
  <si>
    <t>Принтер Canon PIXMA iP4840</t>
  </si>
  <si>
    <t xml:space="preserve">Экран на штативе Classic Solution Gemini  </t>
  </si>
  <si>
    <t>Фотоаппарат Canon PowerShot SX230 HS Black</t>
  </si>
  <si>
    <t>Конструкция для банера</t>
  </si>
  <si>
    <t>Проигрыватель виниловый Teac LP-R550USB</t>
  </si>
  <si>
    <t>Стойка для ноутбука  ATHLETIC L-1</t>
  </si>
  <si>
    <t>Ультрабук  Lenovo  IdeaPad U310</t>
  </si>
  <si>
    <t>Манекен портной детский</t>
  </si>
  <si>
    <t>Манекен портной женский</t>
  </si>
  <si>
    <t>Манекен портной мужской</t>
  </si>
  <si>
    <t>Рекламно-информационный щит</t>
  </si>
  <si>
    <t>Внешний жесткий диск 1Тб</t>
  </si>
  <si>
    <t>Манекен eeurobusto</t>
  </si>
  <si>
    <t>Экспозиционная витрина</t>
  </si>
  <si>
    <t>Шкаф МЦН</t>
  </si>
  <si>
    <t>Купеческий мужской костюм</t>
  </si>
  <si>
    <t>Купеческий женский костюм</t>
  </si>
  <si>
    <t>Шкаф оружейный 1000х300х200</t>
  </si>
  <si>
    <t>Шкаф оружейный 1300х300х200</t>
  </si>
  <si>
    <t>Стол*600 МДФ</t>
  </si>
  <si>
    <t>Скамья кованная 1500х900х500</t>
  </si>
  <si>
    <t>Пылесос SAMSUNG SG</t>
  </si>
  <si>
    <t>Эмблема (знак) навигации</t>
  </si>
  <si>
    <t>Стеллаж MS Strong (усиленный)</t>
  </si>
  <si>
    <t>Картина  Курундакова Н.С. "Пруд"</t>
  </si>
  <si>
    <t>Картина "Осень" Чердаков</t>
  </si>
  <si>
    <t>Картина "Параша Жемчугова в детстве" Хватов Н.С.</t>
  </si>
  <si>
    <t>Картина Петрова "Граф Шереметьев"</t>
  </si>
  <si>
    <t>Картина Петрова "П.И.Шереметьева"</t>
  </si>
  <si>
    <t>Картина Петрова "Шлыкавой"</t>
  </si>
  <si>
    <t>Картина портрет П.И.Жемчуговой</t>
  </si>
  <si>
    <t>Картина Чердакова "Апрельский вечер"</t>
  </si>
  <si>
    <t>Рама в сборе</t>
  </si>
  <si>
    <t>Картина В.А.Чердаков"Зима"</t>
  </si>
  <si>
    <t>Принтер Epson Stylus C 110, A 4</t>
  </si>
  <si>
    <t>Копир Canon A3 iR2318</t>
  </si>
  <si>
    <t>Ноутбук Ager e-Machines E525-902 G 25Mi</t>
  </si>
  <si>
    <t>Ноутбук Lenovo IdeaPad B570e</t>
  </si>
  <si>
    <t>Принтер-копир-сканер Canon i-SENSYS MF 4320d</t>
  </si>
  <si>
    <t>Принтер HP LJ-5100</t>
  </si>
  <si>
    <t>Компьютер AMD A4-3300</t>
  </si>
  <si>
    <t>Фотоаппарат Canon Digital  IXUS 230HS Black</t>
  </si>
  <si>
    <t>Телевизор LED-PHILIPS</t>
  </si>
  <si>
    <t>Принтер струйный EPSON STYLUS L110</t>
  </si>
  <si>
    <t>Принтер HP LaserJet P1102(CE651A)</t>
  </si>
  <si>
    <t>Сканер HP ScanJet G4010</t>
  </si>
  <si>
    <t>МФУ с лазерной печатью PANASONIC KX-MB2020RU</t>
  </si>
  <si>
    <t>Сканер HP Scanjet 300</t>
  </si>
  <si>
    <t>Компьютер офисный Фронтекс AMD A4-4000</t>
  </si>
  <si>
    <t>Принтер Epson L300</t>
  </si>
  <si>
    <t>Коммутатор неуправляемый DES -0160D, 16- Port</t>
  </si>
  <si>
    <t>Детский набор</t>
  </si>
  <si>
    <t>Шкаф гардероб</t>
  </si>
  <si>
    <t>Шкаф книжный</t>
  </si>
  <si>
    <t>Шкаф книжный "Селена"</t>
  </si>
  <si>
    <t>Стеллаж библиотечный односторонний 880х290х1830Н</t>
  </si>
  <si>
    <t>Кресло Престиж</t>
  </si>
  <si>
    <t xml:space="preserve">Шкаф закрытый с нишей </t>
  </si>
  <si>
    <t>Шкаф архивный  ПРАКТИК АМ-1891,двухдверный,3 полки</t>
  </si>
  <si>
    <t>Шкаф закрытый со стеклом</t>
  </si>
  <si>
    <t>Шкаф для одежды глубокий  22.45 М.6 бук, 720х600х1968</t>
  </si>
  <si>
    <t>Стойка  ресепшен угловая 2.2.94.6 бук, 855х855х1226</t>
  </si>
  <si>
    <t>Проекционный столик LScreen Turn,мобильный</t>
  </si>
  <si>
    <t>Стойка ресепшен прямая 22.92.6 бук.1449х358х1226</t>
  </si>
  <si>
    <t>Стол угловой 22.09.6 правый бук,1600х1400х746</t>
  </si>
  <si>
    <t>Рекламная стойка-стеллаж А-7К,белый,для печатной продукции</t>
  </si>
  <si>
    <t>Шкаф закрытый со стеклом 997.099,826х370х1807</t>
  </si>
  <si>
    <t>Стол учителя 997.053,1200х600х760 мм</t>
  </si>
  <si>
    <t xml:space="preserve">Стол эргономичный </t>
  </si>
  <si>
    <t>Тумба с 3-мя ящиками</t>
  </si>
  <si>
    <t>Стеллаж MS-200, 2000х1000х400 ,метал,6 полок</t>
  </si>
  <si>
    <t>Тумба с распашными дверями ,700х436х681мм</t>
  </si>
  <si>
    <t>Стеллаж библ. 2-сторонний ЛДСП</t>
  </si>
  <si>
    <t>Шкаф для одежды (с выдвижной штангой)</t>
  </si>
  <si>
    <t>Шкаф для документов закрытый 2 двери</t>
  </si>
  <si>
    <t xml:space="preserve">Шкаф для документов со стеклом в рамке МДФ </t>
  </si>
  <si>
    <t>Информационный стенд 1275*1100 мм</t>
  </si>
  <si>
    <t>Стеллаж для книг</t>
  </si>
  <si>
    <t>Стеллаж библиотечный двусторонний</t>
  </si>
  <si>
    <t>Шкаф широкий со стеклом (МДФ) для документов 850*450*2010</t>
  </si>
  <si>
    <t>Стол компьютерный (левый/правый) СК 15</t>
  </si>
  <si>
    <t>Эл.чайник с функцией термоса "Комфорт"</t>
  </si>
  <si>
    <t>Стеллаж MS-200, 2000х1000х400, комплект, 6 полок, метал</t>
  </si>
  <si>
    <t>Стеллаж библ.демонстрационный на м/к 940*290*1900</t>
  </si>
  <si>
    <t>Кресло Мартин Люкс (Арфа/хром) Z11</t>
  </si>
  <si>
    <t>Рекламная стойка-стеллаж А-7К, белый, Ш1020хГ530хВ1850мм, для печатной продукции</t>
  </si>
  <si>
    <t>Библиотечный фонд (5881 шт. )</t>
  </si>
  <si>
    <t>Библиотечный фонд (46 шт. )</t>
  </si>
  <si>
    <t>Библиотечный фонд (113 шт. )</t>
  </si>
  <si>
    <t>Библиотечный фонд (3 шт. )</t>
  </si>
  <si>
    <t>Библиотечный фонд (530 шт. )</t>
  </si>
  <si>
    <t>Библиотечный фонд (38 шт. )</t>
  </si>
  <si>
    <t>Библиотечный фонд (77шт. )</t>
  </si>
  <si>
    <t>Библиотечный фонд (6 шт. )</t>
  </si>
  <si>
    <t>Библиотечный фонд (5 шт. )</t>
  </si>
  <si>
    <t>Библиотечный фонд (51 шт. )</t>
  </si>
  <si>
    <t>Библиотечный фонд (12 шт. )</t>
  </si>
  <si>
    <t>Библиотечный фонд (18 шт. )</t>
  </si>
  <si>
    <t>Библиотечный фонд (22 шт. )</t>
  </si>
  <si>
    <t>Библиотечный фонд (1 шт. )</t>
  </si>
  <si>
    <t>Библиотечный фонд (24 шт. )</t>
  </si>
  <si>
    <t>Библиотечный фонд (13 шт. )</t>
  </si>
  <si>
    <t>Библиотечный фонд (303 шт. )</t>
  </si>
  <si>
    <t>Библиотечный фонд (2325 шт. )</t>
  </si>
  <si>
    <t>Библиотечный фонд (4 шт. )</t>
  </si>
  <si>
    <t>Библиотечный фонд (7 шт. )</t>
  </si>
  <si>
    <t>Библиотечный фонд (9 шт. )</t>
  </si>
  <si>
    <t>Библиотечный фонд (2 шт. )</t>
  </si>
  <si>
    <t>Библиотечный фонд (3917 шт. )</t>
  </si>
  <si>
    <t>Библиотечный фонд (222 шт. )</t>
  </si>
  <si>
    <t>Библиотечный фонд (7345 шт. )</t>
  </si>
  <si>
    <t>Библиотечный фонд (20 шт. )</t>
  </si>
  <si>
    <t>Библиотечный фонд (63 шт. )</t>
  </si>
  <si>
    <t>Библиотечный фонд (16 шт. )</t>
  </si>
  <si>
    <t>Библиотечный фонд (8 шт. )</t>
  </si>
  <si>
    <t>Библиотечный фонд (28 шт. )</t>
  </si>
  <si>
    <t>Библиотечный фонд (11 шт. )</t>
  </si>
  <si>
    <t>Библиотечный фонд (44 шт. )</t>
  </si>
  <si>
    <t>Библиотечный фонд (17 шт. )</t>
  </si>
  <si>
    <t>Библиотечный фонд (45 шт. )</t>
  </si>
  <si>
    <t>Библиотечный фонд (47 шт. )</t>
  </si>
  <si>
    <t>Библиотечный фонд (73 шт. )</t>
  </si>
  <si>
    <t>Библиотечный фонд (19 шт. )</t>
  </si>
  <si>
    <t>Библиотечный фонд (21 шт. )</t>
  </si>
  <si>
    <t>Библиотечный фонд (419 шт. )</t>
  </si>
  <si>
    <t>Библиотечный фонд (100 шт. )</t>
  </si>
  <si>
    <t>Библиотечный фонд (253 шт. )</t>
  </si>
  <si>
    <t>Библиотечный фонд (975 шт. )</t>
  </si>
  <si>
    <t>Библиотечный фонд (27 шт. )</t>
  </si>
  <si>
    <t>Библиотечный фонд (72 шт. )</t>
  </si>
  <si>
    <t>Библиотечный фонд (81 шт. )</t>
  </si>
  <si>
    <t>Библиотечный фонд (66 шт. )</t>
  </si>
  <si>
    <t>Библиотечный фонд (267 шт. )</t>
  </si>
  <si>
    <t>Библиотечный фонд (26 шт. )</t>
  </si>
  <si>
    <t>Библиотечный фонд (39 шт. )</t>
  </si>
  <si>
    <t>Библиотечный фонд (36 шт. )</t>
  </si>
  <si>
    <t>Библиотечный фонд (82 шт. )</t>
  </si>
  <si>
    <t>Библиотечный фонд (10 шт. )</t>
  </si>
  <si>
    <t>Библиотечный фонд (147 шт. )</t>
  </si>
  <si>
    <t>Библиотечный фонд (163 шт. )</t>
  </si>
  <si>
    <t>Библиотечный фонд (216 шт. )</t>
  </si>
  <si>
    <t>Библиотечный фонд (15 шт. )</t>
  </si>
  <si>
    <t>Библиотечный фонд (118 шт. )</t>
  </si>
  <si>
    <t>Библиотечный фонд (10 шт.)</t>
  </si>
  <si>
    <t>Библиотечный фонд (37 шт.)</t>
  </si>
  <si>
    <t>Библиотечный фонд (18 шт.)</t>
  </si>
  <si>
    <t>Библиотечный фонд (23 шт.)</t>
  </si>
  <si>
    <t>Библиотечный фонд (62 шт.)</t>
  </si>
  <si>
    <t>Библиотечный фонд (36 шт.)</t>
  </si>
  <si>
    <t>Библиотечный фонд (98 шт.)</t>
  </si>
  <si>
    <t>Библиотечный фонд (4 шт.)</t>
  </si>
  <si>
    <t>МУП "Коммунальник"</t>
  </si>
  <si>
    <t>Проект зон санитарной охраны скважин</t>
  </si>
  <si>
    <t>Сварочный трансформатор ТДМ3011У2</t>
  </si>
  <si>
    <t>Горелка РМГ-1</t>
  </si>
  <si>
    <t>Форсунка РМГ</t>
  </si>
  <si>
    <t>Шкаф управления</t>
  </si>
  <si>
    <t>Теплообменник</t>
  </si>
  <si>
    <t>Насосный агрегат НМШ 5-25-4,.0/4</t>
  </si>
  <si>
    <t>Котел водогрейный атоматизированный "ВИТОМАКС-200"</t>
  </si>
  <si>
    <t>Электроагрегат комбинированный S6400</t>
  </si>
  <si>
    <t>Насос рециркуляционный СМ/550 Т фирмы "ДАВ"</t>
  </si>
  <si>
    <t>Газовоздушный блок</t>
  </si>
  <si>
    <t>Газоход с однолинзовым компенсатором и шибером</t>
  </si>
  <si>
    <t>Блок мазутоподготовки</t>
  </si>
  <si>
    <t>Горелка РГМГ-1</t>
  </si>
  <si>
    <t>Электросварочный трансформатор ТД500У9</t>
  </si>
  <si>
    <t>Насос рециркуляционный СМ/550 Т фирмы "дав"</t>
  </si>
  <si>
    <t>Котел АВ-10</t>
  </si>
  <si>
    <t>Станок токарный</t>
  </si>
  <si>
    <t>Станок металлообрабатывающий</t>
  </si>
  <si>
    <t>Дымосос ДН-6,3 левого вращения с электродвигателем</t>
  </si>
  <si>
    <t>Насос подпиточный</t>
  </si>
  <si>
    <t>Насос подпиточный A 225 M2Y3 220/380 IM 1001</t>
  </si>
  <si>
    <t>Насос НМШ2-40-1,6/16 с двигателем 2,2 кВт</t>
  </si>
  <si>
    <t>Отвал к трактору МТЗ-82</t>
  </si>
  <si>
    <t>Горелка газовая</t>
  </si>
  <si>
    <t>Подогреватель водо-водяной ПВ-426*4-1,0*4</t>
  </si>
  <si>
    <t>Шкаф управления электромазутоподогревателем</t>
  </si>
  <si>
    <t>Котел  ЭПЗ-100</t>
  </si>
  <si>
    <t>Горелка</t>
  </si>
  <si>
    <t>Теплообменник трехсекционный Д-159</t>
  </si>
  <si>
    <t>Электродвигатель АИР 160593</t>
  </si>
  <si>
    <t>Сварочный трасформатор ТДМ 301</t>
  </si>
  <si>
    <t>Циркулярный насос EBARA LPS 50/150M</t>
  </si>
  <si>
    <t>Шкаф управления котлом</t>
  </si>
  <si>
    <t>Подогреватель мазута ПМ-200Д150</t>
  </si>
  <si>
    <t>Насос 1Д-315-50А без рамы</t>
  </si>
  <si>
    <t>Частотный преобразователь   EI-P7002-150H-C</t>
  </si>
  <si>
    <t>Насос циркуляционный КДН 100-200/210 ФИРМЫ "ДАВ"</t>
  </si>
  <si>
    <t>Подогреватель мазута ПМ-200 Д150</t>
  </si>
  <si>
    <t>Щит управления сетевыми насосами</t>
  </si>
  <si>
    <t>Горелка РМГ-2</t>
  </si>
  <si>
    <t>Насос К-100-65-20 с двигателем 30 кВт.</t>
  </si>
  <si>
    <t>Прицеп тракторный  2 ПТС-4 МОД.887Б</t>
  </si>
  <si>
    <t>Дымосос ДН-8 15кВт -1500 об/м левый</t>
  </si>
  <si>
    <t>Подогреватель мазута эл. ПМ-200ДУ150</t>
  </si>
  <si>
    <t>Электротельфер</t>
  </si>
  <si>
    <t>ДМС-075Н 55кВт 380В, устройство плавного пуска</t>
  </si>
  <si>
    <t>Трансформатор сварочный SIEMLNS-CHUCKERT</t>
  </si>
  <si>
    <t>Вентилятор ВР 132-30 НОШ 5</t>
  </si>
  <si>
    <t>Модернизация фильтра очистки воды</t>
  </si>
  <si>
    <t>Трубная часть котла КВГМ 13/95 без горелок</t>
  </si>
  <si>
    <t>Котел КВМ-2,5 № 8</t>
  </si>
  <si>
    <t>Котел КВМ -1,1-95</t>
  </si>
  <si>
    <t>Кран-балка</t>
  </si>
  <si>
    <t>Насос LPS 50/40</t>
  </si>
  <si>
    <t>Котел дровяной</t>
  </si>
  <si>
    <t>Котел АВ-10  2 ШТ.</t>
  </si>
  <si>
    <t>Сварочный аппарат ТДМ301</t>
  </si>
  <si>
    <t>Генератор инвекторный сварочный</t>
  </si>
  <si>
    <t>Рейсмусовый станок</t>
  </si>
  <si>
    <t>Сваточный трансформатор ТДМ 301</t>
  </si>
  <si>
    <t>Котлы</t>
  </si>
  <si>
    <t>Дымосос ДН -11.2 с эл. двигателем к № 3</t>
  </si>
  <si>
    <t>Частотный преобразователь ЕI-P7012-075H 55кВт380 В</t>
  </si>
  <si>
    <t>Котел КВГМ 11-95</t>
  </si>
  <si>
    <t>Блок управления электромазутоподогревателем</t>
  </si>
  <si>
    <t>Станок трубогибочный</t>
  </si>
  <si>
    <t>Горелка РМГ -3</t>
  </si>
  <si>
    <t>Насос Ш40-4</t>
  </si>
  <si>
    <t>Насос Д315/50-А с двиг. 55 кВт.</t>
  </si>
  <si>
    <t>Электрооборудование котла</t>
  </si>
  <si>
    <t>Агрегат сварочный ГД4006У2</t>
  </si>
  <si>
    <t>Насос К 100-80-60   2 шт.</t>
  </si>
  <si>
    <t>Комбинированный станок</t>
  </si>
  <si>
    <t>Клапан отсекатель 3 СК 32</t>
  </si>
  <si>
    <t>КИП и автоматика</t>
  </si>
  <si>
    <t>Компрессор 2АФ51Э52Ш с электродвигателем 7,5 кВт</t>
  </si>
  <si>
    <t>Комплекс водоподготовки hydro tech Ds 601E 1</t>
  </si>
  <si>
    <t>Котел парообразователь Д-900</t>
  </si>
  <si>
    <t>Насос К -150-125-315</t>
  </si>
  <si>
    <t>Насос НМШ</t>
  </si>
  <si>
    <t>Насос СМ-150-125-315 Б/4 дв. 30 кВТ.</t>
  </si>
  <si>
    <t>Котел КВМ -2,5-95 ( №6)</t>
  </si>
  <si>
    <t>Вентилятор ВР 132-30</t>
  </si>
  <si>
    <t>Сварочный трансформатор ТДМ252У2</t>
  </si>
  <si>
    <t>Отвал к трактору  косой к МТЗ-82</t>
  </si>
  <si>
    <t>Стойка котловой автоматики</t>
  </si>
  <si>
    <t>Насос циркуляционный КДН 100-200/210 фирмы "ДАВ"</t>
  </si>
  <si>
    <t>Сварочный трансформатор В0306У2</t>
  </si>
  <si>
    <t>Насос Ebara LPS 50/40 м</t>
  </si>
  <si>
    <t>Клапан отсекатель  ЭСК -15</t>
  </si>
  <si>
    <t>Вентилятор ВР -132-30</t>
  </si>
  <si>
    <t>Котел КВМ-2,5 № 5-реконструкция на газ</t>
  </si>
  <si>
    <t>Котел № 1 ( реконструкция)</t>
  </si>
  <si>
    <t>Горелка РС-60</t>
  </si>
  <si>
    <t>Газоход 450*450</t>
  </si>
  <si>
    <t>Циркулярный насос EBARA LPS 50/40M</t>
  </si>
  <si>
    <t>Насос KDN 100-200 551D63111KB</t>
  </si>
  <si>
    <t>Сварочный аппарат ТДМ3011У2</t>
  </si>
  <si>
    <t>Прицеп тракторный  2 ПТС-4</t>
  </si>
  <si>
    <t>Котел КВМ-2,5 № 7</t>
  </si>
  <si>
    <t>Станок токарный по дереву</t>
  </si>
  <si>
    <t>Дымосос ВДН -11 на котел  № 1 монтаж</t>
  </si>
  <si>
    <t>Насос НМШ 5-25-4,0/25 5,5 кВт</t>
  </si>
  <si>
    <t>Подогреватель мазута эл. ПМ-200</t>
  </si>
  <si>
    <t>Цистерна КО-503В.01.02.00</t>
  </si>
  <si>
    <t>Вентилятор радиальный высокого давления ВР-132-5</t>
  </si>
  <si>
    <t>Сварочный аппарат САШ 400 с трактором ЛТЗ-60 АВ</t>
  </si>
  <si>
    <t>Горелка дизельная lamborghini LMB LO 700 (2ST-BL)</t>
  </si>
  <si>
    <t>Насос в сборе WILO 80/170-15 290 об/мин 15кВт</t>
  </si>
  <si>
    <t>КомпьютерColors C8002-B35. монитор TFT 17" LG Flat</t>
  </si>
  <si>
    <t>Принтер НP LaserJet 1000 series</t>
  </si>
  <si>
    <t>Компьютер SWITCHING POWER SUPPLY монитор CRYSTAL 1</t>
  </si>
  <si>
    <t>Компьютер MIDITOWER SUPER POWER C6049 CA.монитор 17</t>
  </si>
  <si>
    <t>Монитор 17" LG Flatron TFT LCD 1750SQ</t>
  </si>
  <si>
    <t>КомпьютерFoxconn TS-005 монитор TFT17"LG Flatron L</t>
  </si>
  <si>
    <t>Принтер LaserJet 6L с монитором Studioworks 563 N</t>
  </si>
  <si>
    <t>Компьютер Creative 52X монитор ViewSonic E50</t>
  </si>
  <si>
    <t>Компьютер Colors L8010-A15 монитор 17"LG F720B</t>
  </si>
  <si>
    <t>Ксерокс CANON</t>
  </si>
  <si>
    <t>Компьютер MIDITOWER INWIN монитор TFT15"LG Flatron</t>
  </si>
  <si>
    <t>Компьютер (монитор DAEWOO CMCксерокс  CANON FC226)</t>
  </si>
  <si>
    <t>КомпьютерDOKA. принтер Epson Stylus C43SX LPT</t>
  </si>
  <si>
    <t>КомпьютерFoxconn TLM-454 монитор LG Flatron L1750S</t>
  </si>
  <si>
    <t>Компьютер монитор Samtron 56 E</t>
  </si>
  <si>
    <t>Принтер лазерный HP LazerJet P3005dn</t>
  </si>
  <si>
    <t>Автомобиль ГАЗ 33022Z</t>
  </si>
  <si>
    <t>Экскаватор цепной ЭЦУ-150-20</t>
  </si>
  <si>
    <t>Автомобиль ГАЗ-3102</t>
  </si>
  <si>
    <t>Автомобиль УАЗ-31519</t>
  </si>
  <si>
    <t>Экскаватор ЭО 2621В-3</t>
  </si>
  <si>
    <t>Трактор ЛТЗ-60А-10</t>
  </si>
  <si>
    <t>Трактор ДТ-75 МЛ "Бара"</t>
  </si>
  <si>
    <t>Автомобиль УАЗ 3303 ГРУЗОВОЙ</t>
  </si>
  <si>
    <t>Автомобиль УАЗ 31512</t>
  </si>
  <si>
    <t>Трактор ДТ-75</t>
  </si>
  <si>
    <t>Экскаватор ЭО 2621 на базе трактора ЮМЗ</t>
  </si>
  <si>
    <t>Трактор МТЗ-82</t>
  </si>
  <si>
    <t>Трактор Т-150К</t>
  </si>
  <si>
    <t>Автомашина вакуумная КО-503В</t>
  </si>
  <si>
    <t>Автомобиль УАЗ-315190</t>
  </si>
  <si>
    <t>Автомашина  Камаз-53212 ТЯЧАГ ГРУЗОВОЙ</t>
  </si>
  <si>
    <t>Автомобиль ГАЗ 3102</t>
  </si>
  <si>
    <t>Автомобиль ГАЗ 3307-36133 специальная</t>
  </si>
  <si>
    <t>Автомашина ЗИЛ 433360 грузовой бортовой</t>
  </si>
  <si>
    <t xml:space="preserve">Автомобиль УАЗ-39629 санитарный </t>
  </si>
  <si>
    <t>Автомобиль ГАЗ 3307 ЛЩ440-3 специальный мусоровоз с боковой загрузкой</t>
  </si>
  <si>
    <t>Автомашина ВАЗ 211540-22-010 LADA</t>
  </si>
  <si>
    <t>Щит управления электорооборудованием</t>
  </si>
  <si>
    <t>Блок окно-лоток</t>
  </si>
  <si>
    <t>Центральная котельная реконструкция на газ</t>
  </si>
  <si>
    <t>Пусконаладочные работы котел</t>
  </si>
  <si>
    <t>Весы ВСУ-Т30000-1П2</t>
  </si>
  <si>
    <t>Локальная станция обезжелезивания и очистки воды с. Дунилово Большесельского МР</t>
  </si>
  <si>
    <t>Казна Большесельского МР</t>
  </si>
  <si>
    <t>Универсальная спортивная площадка для баскетбола, волейбола и мини футбола</t>
  </si>
  <si>
    <t>Прицеп одноосный 1-П-1,5 (ИАПЗ-738)</t>
  </si>
  <si>
    <t>Водоналивной мешок  Cеntury Bog</t>
  </si>
  <si>
    <t>Система пожарной сигнализации</t>
  </si>
  <si>
    <t>Кухни прицепные КП-2-49</t>
  </si>
  <si>
    <t>Цистерна для воды ЦВ-4</t>
  </si>
  <si>
    <t>Термос 12л - 10 шт.</t>
  </si>
  <si>
    <t>Проектно-сметная документация очистных сооружений</t>
  </si>
  <si>
    <t>Навигатор Explay PART</t>
  </si>
  <si>
    <t>МУ "Транспортно-хозяйственная служба"</t>
  </si>
  <si>
    <t>Телевизор LED 22 (55смс) Samsung T22C350EXQ</t>
  </si>
  <si>
    <t>МУ "Транспортно-хозяйственная служба" (пост. от 02.03.2015г. № 199)</t>
  </si>
  <si>
    <t>Автомобиль легковой TOYOTA COROLLA</t>
  </si>
  <si>
    <t xml:space="preserve">Автомобиль NISSAN ALMERA </t>
  </si>
  <si>
    <t>Диван-Книжка</t>
  </si>
  <si>
    <t>Шкаф хозяйственный медицинский ПРАКТИК MD11-50, однодверный</t>
  </si>
  <si>
    <t>Лестница-трансформер Алюмет</t>
  </si>
  <si>
    <t>Чехлы сидений "Ниссан"</t>
  </si>
  <si>
    <t>Электрогитара Ibanez AK95DVS</t>
  </si>
  <si>
    <t>Процессор эффектов гитарный моделирующий напольный, 20 типов эффектов до 8 эффектов  одновременно, встроенная драммашина</t>
  </si>
  <si>
    <t>Видеопроектор «Beng»</t>
  </si>
  <si>
    <t>Диммер Д10-12</t>
  </si>
  <si>
    <t>Ноутбук ACER  Extensa EX2530-305M, 15,6״</t>
  </si>
  <si>
    <t>Радар-детектор INTEGO PLATIN</t>
  </si>
  <si>
    <t>Динамик с расширенным НЧ EighteenSound 21L W2500/8-21"</t>
  </si>
  <si>
    <t>Звуко-усилительный комплект HL AUDIO USK 12A USB (акт.ак.система, два радио-микрофона)</t>
  </si>
  <si>
    <t>Усилитель голоса мегафон поясной 15Вт (комплект: мегафон, встроенный LI аккумулятор, USB/SD mp3 плеер, вход AUX, сумочка, микрофон, зу)</t>
  </si>
  <si>
    <t>Тифлофлэшплеер для прослушивания «Говорящих» книг ВУ-ТФП «Тифломаг-001»</t>
  </si>
  <si>
    <t>МФУ HPLaserJet Pro MFP M132a RU, A4, лазерный, белый</t>
  </si>
  <si>
    <t>Ручной металлодетектор» ФП-50</t>
  </si>
  <si>
    <t>Одежда сцены, кулисы 12 комп.</t>
  </si>
  <si>
    <t>Одежда сцены</t>
  </si>
  <si>
    <t>Занавес сцены</t>
  </si>
  <si>
    <t>Вешалка металлическая двухярусная для костюмерной</t>
  </si>
  <si>
    <t>Декоративный элемент «Рябина»</t>
  </si>
  <si>
    <t>Перетяжка</t>
  </si>
  <si>
    <t>Конференц-стол 2400х900х750h</t>
  </si>
  <si>
    <t>Стол 1500х1600х750h с под.д/сис.блока и полкой д/клав.</t>
  </si>
  <si>
    <t>Стеллаж MC-220, 2200х1000х600, 6 полок, металл</t>
  </si>
  <si>
    <t>Скамья для раздевалок 1,0 м с вешалкой</t>
  </si>
  <si>
    <t>Скамья для раздевалок 1,5 м с вешалкой</t>
  </si>
  <si>
    <t>Скамья для раздевалок 2,0 м с вешалкой</t>
  </si>
  <si>
    <t>Жалюзи (вертикальные)</t>
  </si>
  <si>
    <t>Шкаф для раздевания 2000*550/400*1600</t>
  </si>
  <si>
    <t>Шкаф для одежды с дополнительными полками 768*385*1945</t>
  </si>
  <si>
    <t>Пуф 460*460*420</t>
  </si>
  <si>
    <t>Стол журнальный «Саут 10Д», 600*600, h 480мм</t>
  </si>
  <si>
    <t>Шкаф для одежды, узкий</t>
  </si>
  <si>
    <t>Стол письменный Ректор</t>
  </si>
  <si>
    <t>Шкаф-тумба</t>
  </si>
  <si>
    <t>Шкаф узкий закрытый</t>
  </si>
  <si>
    <t>Стол письменный Кабинет</t>
  </si>
  <si>
    <t>Тумба подкатная Ректор</t>
  </si>
  <si>
    <t>Вешалка для гардероба</t>
  </si>
  <si>
    <t>Стремянка стальная М8410, с алюминиевыми ступенями 10 ступеней</t>
  </si>
  <si>
    <t>Тент для палатки туристической КЕ109-Т1</t>
  </si>
  <si>
    <t xml:space="preserve">Стол складной деревянный 800*580*750h </t>
  </si>
  <si>
    <t>Стол складной деревянный 800*580*750h</t>
  </si>
  <si>
    <t>Скамья металлическая</t>
  </si>
  <si>
    <t>Информационный  стенд</t>
  </si>
  <si>
    <t>Библиотечный фонд (9994 шт.)</t>
  </si>
  <si>
    <t>Библиотечный фонд (6 шт.)</t>
  </si>
  <si>
    <t>Библиотечный фонд (1 шт.)</t>
  </si>
  <si>
    <t>Библиотечный фонд (118 шт.)</t>
  </si>
  <si>
    <t>Библиотечный фонд (96 шт.)</t>
  </si>
  <si>
    <t>Библиотечный фонд (151 шт.)</t>
  </si>
  <si>
    <t>Библиотечный фонд (Православная энциклопедия, т.40-т.43) (8 шт.)</t>
  </si>
  <si>
    <t>Библиотечный фонд (Большая Российская энциклопедия, т.30-т.32) 6 шт.)</t>
  </si>
  <si>
    <t>Библиотечный фонд (14 шт.)</t>
  </si>
  <si>
    <t>Библиотечный фонд (29 шт.)</t>
  </si>
  <si>
    <t>Библиотечный фонд (9 шт.)</t>
  </si>
  <si>
    <t>Библиотечный фонд (2 шт.)</t>
  </si>
  <si>
    <t>Библиотечный фонд 47 шт.)</t>
  </si>
  <si>
    <t>Библиотечный фонд (145 шт.)</t>
  </si>
  <si>
    <t>Платье концертное (бархат+жилетки ажур.)</t>
  </si>
  <si>
    <t>Костюм для танца «Звездная дискотека»</t>
  </si>
  <si>
    <t>Платье «Испания»</t>
  </si>
  <si>
    <t>Ростовая кукла «Новогодняя ёлка»</t>
  </si>
  <si>
    <t>Ростовая кукла «Рыжий клоун»</t>
  </si>
  <si>
    <t>Ростовая кукла Петух</t>
  </si>
  <si>
    <t>Ростовая кукла Скоморох</t>
  </si>
  <si>
    <t>Платье для танца «Горные лошадки»</t>
  </si>
  <si>
    <t>Костюм женский фольклерный (сарафан+рубаха+кокошник)</t>
  </si>
  <si>
    <t>Платье женское историческое</t>
  </si>
  <si>
    <t>Картина «Рябина» В.А. Чердаков</t>
  </si>
  <si>
    <t>Картина «Зимнее солнце» В.А. Чердаков</t>
  </si>
  <si>
    <t>МКУ "Центр административно-хозяйственного обслуживания учреждений культуры БМР"</t>
  </si>
  <si>
    <t>Сценический комплекс</t>
  </si>
  <si>
    <t>МБУК "ЦРСК Большесельского МР"</t>
  </si>
  <si>
    <t>МБУК "ЦБС Большесельского МР"</t>
  </si>
  <si>
    <t>Принтер Epson L312</t>
  </si>
  <si>
    <t>Притер лазерный HP Laserjet PRO M203dn</t>
  </si>
  <si>
    <t>Библиотечный фонд (93708 шт.)</t>
  </si>
  <si>
    <t>Библиотечный фонд (123 шт.)</t>
  </si>
  <si>
    <t>Библиотечный фонд (105 шт.)</t>
  </si>
  <si>
    <t>Библиотечный фонд (110 шт.)</t>
  </si>
  <si>
    <t>Принтер струйный Epson L810 A4 USB черный</t>
  </si>
  <si>
    <t>Проектор Beng MS506  DLP 3200Lm</t>
  </si>
  <si>
    <t>Ноутбук HP 15-bs589ur smoke gray 15.6" Pen</t>
  </si>
  <si>
    <t>Диван 3-х местный</t>
  </si>
  <si>
    <t>Диван трехместный КЛЕРК</t>
  </si>
  <si>
    <t>Кресло «Норма»</t>
  </si>
  <si>
    <t>Библиотечный фонд 97 шт.</t>
  </si>
  <si>
    <r>
      <t xml:space="preserve">Автомобиль ГАЗ-2752 Соболь: </t>
    </r>
    <r>
      <rPr>
        <sz val="10"/>
        <rFont val="Times New Roman"/>
        <family val="1"/>
        <charset val="204"/>
      </rPr>
      <t>марка, модель ТС: ГАЗ-2752,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наименование (тип ТС): грузовой фургон цельнометаллический (7 мест);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 xml:space="preserve">идентификационный номер (VIN): Х96275200G0801423; модель, № двигателя: *421640*F1000768*; 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шасси №: отсутствует;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кузов №: 275200G0578540;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цвет кузова: белый</t>
    </r>
    <r>
      <rPr>
        <b/>
        <sz val="10"/>
        <rFont val="Times New Roman"/>
        <family val="1"/>
        <charset val="204"/>
      </rPr>
      <t xml:space="preserve">, </t>
    </r>
    <r>
      <rPr>
        <sz val="10"/>
        <rFont val="Times New Roman"/>
        <family val="1"/>
        <charset val="204"/>
      </rPr>
      <t>серия, номер ПТС: 52 ОМ 728909</t>
    </r>
  </si>
  <si>
    <r>
      <t>А</t>
    </r>
    <r>
      <rPr>
        <sz val="10"/>
        <rFont val="Times New Roman"/>
        <family val="1"/>
        <charset val="204"/>
      </rPr>
      <t>втомобиль легковой CHEVROLET NIVA: -марка, модель ТС: CHEVROLET NIVA, 212300-55; -наименование (тип ТС): легковой, -идентификационный номер (VIN): Х9L212300J0652879, -модель, № двигателя: 2123, 0900880, -шасси №: отсутствует, -кузов №: Х9L212300J0652879, -серия, номер ПТС: 63 OX 527781, - цвет кузова: черно-синий металлик</t>
    </r>
  </si>
  <si>
    <r>
      <t xml:space="preserve">Автомобиль NISSAN ALMERA: </t>
    </r>
    <r>
      <rPr>
        <sz val="10"/>
        <rFont val="Times New Roman"/>
        <family val="1"/>
        <charset val="204"/>
      </rPr>
      <t>-марка, модель ТС: NISSAN ALMERA,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-наименование (тип ТС): легковой,-идентификационный номер (VIN): Z8NAJL10054658288,-модель, № двигателя: K4MF496, P031166,-шасси №: отсутствует,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-кузов №: Z8NAJL10054658288,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-серия, номер ПТС: 78 OH 899325,</t>
    </r>
    <r>
      <rPr>
        <b/>
        <sz val="10"/>
        <rFont val="Times New Roman"/>
        <family val="1"/>
        <charset val="204"/>
      </rPr>
      <t xml:space="preserve"> </t>
    </r>
    <r>
      <rPr>
        <sz val="10"/>
        <rFont val="Times New Roman"/>
        <family val="1"/>
        <charset val="204"/>
      </rPr>
      <t>- цвет кузова: серебристый</t>
    </r>
  </si>
  <si>
    <r>
      <t>Стеллаж угловой</t>
    </r>
    <r>
      <rPr>
        <b/>
        <sz val="12"/>
        <rFont val="Times New Roman"/>
        <family val="1"/>
        <charset val="204"/>
      </rPr>
      <t xml:space="preserve"> </t>
    </r>
    <r>
      <rPr>
        <sz val="12"/>
        <rFont val="Times New Roman"/>
        <family val="1"/>
        <charset val="204"/>
      </rPr>
      <t>высокий</t>
    </r>
    <r>
      <rPr>
        <b/>
        <sz val="12"/>
        <rFont val="Times New Roman"/>
        <family val="1"/>
        <charset val="204"/>
      </rPr>
      <t xml:space="preserve"> </t>
    </r>
    <r>
      <rPr>
        <sz val="12"/>
        <rFont val="Times New Roman"/>
        <family val="1"/>
        <charset val="204"/>
      </rPr>
      <t>400x400x1940</t>
    </r>
  </si>
  <si>
    <r>
      <t>Шкаф-купе</t>
    </r>
    <r>
      <rPr>
        <b/>
        <sz val="12"/>
        <rFont val="Times New Roman"/>
        <family val="1"/>
        <charset val="204"/>
      </rPr>
      <t xml:space="preserve"> </t>
    </r>
    <r>
      <rPr>
        <sz val="12"/>
        <rFont val="Times New Roman"/>
        <family val="1"/>
        <charset val="204"/>
      </rPr>
      <t>1100x600x1940</t>
    </r>
  </si>
  <si>
    <r>
      <t>Ковровое покрытие 63 м</t>
    </r>
    <r>
      <rPr>
        <sz val="12"/>
        <rFont val="Calibri"/>
        <family val="2"/>
        <charset val="204"/>
      </rPr>
      <t>³</t>
    </r>
  </si>
  <si>
    <t>Адрес</t>
  </si>
  <si>
    <t>Кадастровый номер</t>
  </si>
  <si>
    <t>Ярославская область, Большесельский р-н, д. Волыново</t>
  </si>
  <si>
    <t>76:01:071801:35</t>
  </si>
  <si>
    <t>Площадь 112 кв.м</t>
  </si>
  <si>
    <t xml:space="preserve"> - Муниципальное образование Большесельский муниципальный район</t>
  </si>
  <si>
    <t>Ярославская область, Большесельский р-н, д. Чудиново (Чудиновский с/с), ул.Школьная,  д.10</t>
  </si>
  <si>
    <t>76:01:030901:62</t>
  </si>
  <si>
    <t>Площадь 1135,83 кв.м</t>
  </si>
  <si>
    <t>Ярославская область, Большесельский р-н, с. Большое Село, ул.Мясникова,  д.82А</t>
  </si>
  <si>
    <t>76:01:010133:2</t>
  </si>
  <si>
    <t>Площадь 12612 кв.м</t>
  </si>
  <si>
    <t>Ярославская область, Большесельский р-н, д. Иванцево</t>
  </si>
  <si>
    <t>76:01:025501:26</t>
  </si>
  <si>
    <t>Площадь 1313 кв.м</t>
  </si>
  <si>
    <t>Ярославская область, Большесельский р-н, д. Лихачево</t>
  </si>
  <si>
    <t>76:01:044801:4</t>
  </si>
  <si>
    <t>Площадь 15000 кв.м</t>
  </si>
  <si>
    <t>Ярославская область, Большесельский р-н, с. Большое Село, ул.Сурикова,  д.9</t>
  </si>
  <si>
    <t>76:01:010119:93</t>
  </si>
  <si>
    <t>Площадь 16001,41 кв.м</t>
  </si>
  <si>
    <t>Бессрочное пользование c 03.07.2008 - Муниципальное общеобразовательное учреждение Большесельская средняя общеобразовательная школа</t>
  </si>
  <si>
    <t>Ярославская область, Большесельский р-н, с. Дунилово, ул.Советская,  д.4</t>
  </si>
  <si>
    <t>76:01:010204:0006</t>
  </si>
  <si>
    <t>Площадь 1298 кв.м</t>
  </si>
  <si>
    <t>Оперативное управление c 12.10.2005 - Администрациия Большесельского муниципального района Ярославской области</t>
  </si>
  <si>
    <t>Ярославская область, Большесельский р-н, с. Новое, ул.Вавилова</t>
  </si>
  <si>
    <t>76:01:023002:183</t>
  </si>
  <si>
    <t>Площадь 2028 кв.м</t>
  </si>
  <si>
    <t>Ярославская область, Большесельский р-н, с. Большое Село, ул.Усыскина,  д.23</t>
  </si>
  <si>
    <t>Ярославская область, Большесельский р-н, с. Дунилово</t>
  </si>
  <si>
    <t>76:01:010205:77</t>
  </si>
  <si>
    <t>Площадь 300 кв.м</t>
  </si>
  <si>
    <t>Ярославская область, Большесельский р-н, с. Большое Село, ул.Сурикова,  д.55</t>
  </si>
  <si>
    <t>76:01:010123:0181</t>
  </si>
  <si>
    <t>Площадь 3135 кв.м</t>
  </si>
  <si>
    <t>Ярославская область, Большесельский р-н, с. Большое Село, ул.Усыскина,  д.31</t>
  </si>
  <si>
    <t>Ярославская область, Большесельский р-н, д. Сельцо, ул.Молодежная</t>
  </si>
  <si>
    <t>76:01:010137:26</t>
  </si>
  <si>
    <t>Площадь 4226 кв.м</t>
  </si>
  <si>
    <t>Ярославская область, Большесельский р-н, с. Большое Село, ул.Усыскина,  д.25г</t>
  </si>
  <si>
    <t>76:01:010130:188</t>
  </si>
  <si>
    <t>Площадь 432 кв.м</t>
  </si>
  <si>
    <t>76:01:010203:45</t>
  </si>
  <si>
    <t>Площадь 500 кв.м</t>
  </si>
  <si>
    <t>Оперативное управление c 28.04.2009 - Администрациия Большесельского муниципального района Ярославской области</t>
  </si>
  <si>
    <t>Ярославская область, Большесельский р-н, с. Большое Село, пл.Советская,  д.5</t>
  </si>
  <si>
    <t>76:01:010115:286</t>
  </si>
  <si>
    <t>Площадь 571 кв.м</t>
  </si>
  <si>
    <t>Ярославская область, Большесельский р-н</t>
  </si>
  <si>
    <t>76:01:057201:0051</t>
  </si>
  <si>
    <t>Площадь 600 кв.м</t>
  </si>
  <si>
    <t>76:01:057201:41</t>
  </si>
  <si>
    <t>76:01:057201:240</t>
  </si>
  <si>
    <t>Площадь 720 кв.м</t>
  </si>
  <si>
    <t>76:01:010130:222</t>
  </si>
  <si>
    <t>Площадь 878 кв.м</t>
  </si>
  <si>
    <t>Аренда c 01.12.2015 - Розанов Сергей Дмитриевич</t>
  </si>
  <si>
    <t>Ярославская область, Большесельский р-н, с. Большое Село, ул.3-я Строителей,  д.1а</t>
  </si>
  <si>
    <t>76:01:010109:233</t>
  </si>
  <si>
    <t>Площадь 980 кв.м</t>
  </si>
  <si>
    <t>76:01:000000:2383</t>
  </si>
  <si>
    <t>Площадь 13500 кв.м</t>
  </si>
  <si>
    <t>76:01:000000:2418</t>
  </si>
  <si>
    <t>Площадь 17011 кв.м</t>
  </si>
  <si>
    <t>76:01:054501:29</t>
  </si>
  <si>
    <t>Площадь 3338 кв.м</t>
  </si>
  <si>
    <t>76:01:000000:2377</t>
  </si>
  <si>
    <t>Площадь 38750 кв.м</t>
  </si>
  <si>
    <t>76:01:000000:2382</t>
  </si>
  <si>
    <t>Площадь 40000 кв.м</t>
  </si>
  <si>
    <t>76:01:000000:2361</t>
  </si>
  <si>
    <t>Площадь 4988 кв.м</t>
  </si>
  <si>
    <t>76:01:033001:65</t>
  </si>
  <si>
    <t>Площадь 5006 кв.м</t>
  </si>
  <si>
    <t>76:01:033001:64</t>
  </si>
  <si>
    <t>Площадь 8243 кв.м</t>
  </si>
  <si>
    <t>76:01:000000:2420</t>
  </si>
  <si>
    <t>Площадь 8720 кв.м</t>
  </si>
  <si>
    <t>76:01:000000:2396</t>
  </si>
  <si>
    <t>Площадь 8783 кв.м</t>
  </si>
  <si>
    <t>Ярославская область, Большесельский р-н, д. Николаевское</t>
  </si>
  <si>
    <t>Постановление c 06.10.2014 - Муниципальное унитарное предприятие "Коммунальник"</t>
  </si>
  <si>
    <t>Ярославская область, Большесельский р-н, с. Большое Село</t>
  </si>
  <si>
    <t>Длина 134 м;</t>
  </si>
  <si>
    <t>Длина 97 м;</t>
  </si>
  <si>
    <t>Длина 48 м;</t>
  </si>
  <si>
    <t>Длина 154 м;</t>
  </si>
  <si>
    <t>Длина 14 м;</t>
  </si>
  <si>
    <t>Длина 319 м;</t>
  </si>
  <si>
    <t>Ярославская область, Большесельский р-н, с. Большое Село, ул.Мясникова</t>
  </si>
  <si>
    <t>Ярославская область, Большесельский р-н, д. Минтихи</t>
  </si>
  <si>
    <t>Ярославская область, Большесельский р-н, д. Борисовское, ул.Молодежная</t>
  </si>
  <si>
    <t>Ярославская область, Большесельский р-н, д. Савинское</t>
  </si>
  <si>
    <t>Ярославская область, Большесельский р-н, д. Кузьминское</t>
  </si>
  <si>
    <t>Ярославская область, Большесельский р-н, д. Борисовское, ул.Мира</t>
  </si>
  <si>
    <t>Ярославская область, Большесельский р-н, д. Большое Лопатино</t>
  </si>
  <si>
    <t>Ярославская область, Большесельский р-н, с. Варегово (Вареговский с/с), ул.Рабочая</t>
  </si>
  <si>
    <t>Ярославская область, Большесельский р-н, д. Тешелово</t>
  </si>
  <si>
    <t>Ярославская область, Большесельский р-н, с. Большое Село, ул.Первомайская</t>
  </si>
  <si>
    <t>Ярославская область, Большесельский р-н, д. Половинкино</t>
  </si>
  <si>
    <t>Ярославская область, Большесельский р-н, д. Шишелово</t>
  </si>
  <si>
    <t>Ярославская область, Большесельский р-н, д. Антоново</t>
  </si>
  <si>
    <t>Ярославская область, Большесельский р-н, д. Гари</t>
  </si>
  <si>
    <t>Ярославская область, Большесельский р-н, с. Никольское</t>
  </si>
  <si>
    <t>113</t>
  </si>
  <si>
    <t>Ярославская область, Большесельский р-н, д. Ушаково</t>
  </si>
  <si>
    <t>Ярославская область, Большесельский р-н, д. Гаврино</t>
  </si>
  <si>
    <t>Ярославская область, Большесельский р-н, с. Большое Село, ул.Кооперативная</t>
  </si>
  <si>
    <t>Ярославская область, Большесельский р-н, д. Нестерково</t>
  </si>
  <si>
    <t>Ярославская область, Большесельский р-н, д. Дягилевка</t>
  </si>
  <si>
    <t>Ярославская область, Большесельский р-н, д. Мешково</t>
  </si>
  <si>
    <t>Ярославская область, Большесельский р-н, д. Елизарово</t>
  </si>
  <si>
    <t>Ярославская область, Большесельский р-н, д. Никифорцево</t>
  </si>
  <si>
    <t>Ярославская область, Большесельский р-н, д. Спирово</t>
  </si>
  <si>
    <t>Ярославская область, Большесельский р-н, д. Березино</t>
  </si>
  <si>
    <t>Ярославская область, Большесельский р-н, д. Борисовское, ул.Заречная</t>
  </si>
  <si>
    <t>Ярославская область, Большесельский р-н, д. Демидово</t>
  </si>
  <si>
    <t>Ярославская область, Большесельский р-н, д. Каюрово</t>
  </si>
  <si>
    <t>Ярославская область, Большесельский р-н, с. Благовещенье</t>
  </si>
  <si>
    <t>Ярославская область, Большесельский р-н, с. Большое Село, ул.3-я Строителей</t>
  </si>
  <si>
    <t>Площадь НЕТ СВЕДЕНИЙ</t>
  </si>
  <si>
    <t>Оперативное управление c 03.03.2015 - Муниципальное учреждение "Транспортно-хозяйственная служба" Большесельского муниципального района</t>
  </si>
  <si>
    <t>Постановление c 03.03.2015 - Муниципальное учреждение "Транспортно-хозяйственная служба" Большесельского муниципального района</t>
  </si>
  <si>
    <t>Ярославская область, Большесельский р-н, с. Большое Село, ул.Челюскинцев,  д.27</t>
  </si>
  <si>
    <t>Площадь 53,1 кв.м</t>
  </si>
  <si>
    <t>Оперативное управление c 18.07.2002 - Администрациия Большесельского муниципального района Ярославской области</t>
  </si>
  <si>
    <t>Ярославская область, Большесельский р-н, с. Большое Село, ул.Сурикова,  д.28</t>
  </si>
  <si>
    <t>Ярославская область, Большесельский р-н, с. Новое, ул.8 Марта,  д.1</t>
  </si>
  <si>
    <t>Площадь 61,1 кв.м</t>
  </si>
  <si>
    <t>Ярославская область, Большесельский р-н, с. Варегово (Вареговский с/с), ул.Мира,  д.25</t>
  </si>
  <si>
    <t>Площадь 137,5 кв.м</t>
  </si>
  <si>
    <t>Постановление c 31.10.2014 - Муниципальное дошкольное образовательное учреждение Вареговский детский сад</t>
  </si>
  <si>
    <t>76:17:010101:3331</t>
  </si>
  <si>
    <t>Площадь 701,9 кв.м</t>
  </si>
  <si>
    <t>Оперативное управление c 19.12.2002 - Муниципальное дошкольное образовательное учреждение Вареговский детский сад</t>
  </si>
  <si>
    <t>Ярославская область, Большесельский р-н, д. Борисовское, ул.Молодежная,  д.6</t>
  </si>
  <si>
    <t>Площадь 652,8 кв.м</t>
  </si>
  <si>
    <t>Оперативное управление c 12.04.2010 - Муниципальное общеобразовательное учреждение Благовещенская средняя общеобразовательная школа</t>
  </si>
  <si>
    <t>Ярославская область, Большесельский р-н, с. Дунилово, ул.Рабочая,  д.12</t>
  </si>
  <si>
    <t>Площадь 61,5 кв.м</t>
  </si>
  <si>
    <t>Ярославская область, Большесельский р-н, с. Большое Село, ул.Челюскинцев,  д.63</t>
  </si>
  <si>
    <t>730</t>
  </si>
  <si>
    <t>Площадь 454,3 кв.м</t>
  </si>
  <si>
    <t xml:space="preserve">Оперативное управление c 26.02.2018 - Муниципальное бюджетное учреждение культуры "Центр развития и сохранения культуры Большесельского района" </t>
  </si>
  <si>
    <t>Ярославская область, Большесельский р-н, с. Варегово (Вареговский с/с), ул.Школьная,  д.1</t>
  </si>
  <si>
    <t>1095</t>
  </si>
  <si>
    <t>Площадь 1315,5 кв.м</t>
  </si>
  <si>
    <t>Оперативное управление c 06.12.2002 - Муниципальное общеобразовательное учреждение Вареговская средняя общеобразовательная школа</t>
  </si>
  <si>
    <t>Ярославская область, Большесельский р-н, с. Варегово (Вареговский с/с), ул.Школьная,  д.2а</t>
  </si>
  <si>
    <t>Площадь 63,5 кв.м</t>
  </si>
  <si>
    <t>Оперативное управление c 05.05.2010 - Муниципальное учреждение "Комплексный центр социального обслуживания населения"</t>
  </si>
  <si>
    <t>Ярославская область, Большесельский р-н, с. Благовещенье, д. 2а</t>
  </si>
  <si>
    <t>Площадь 27,4 кв.м</t>
  </si>
  <si>
    <t>Хозяйственное ведение c 01.01.2008 - Муниципальное унитарное предприятие "Коммунальник"</t>
  </si>
  <si>
    <t>53</t>
  </si>
  <si>
    <t>Ярославская область, Большесельский р-н, с. Большое Село, ул. Сурикова</t>
  </si>
  <si>
    <t>Площадь 18 кв.м</t>
  </si>
  <si>
    <t>Оперативное управление c 14.06.2007 - Муниципальное автономное учреждение Большесельского муниципального района "Редакция газеты "Большесельские вести"</t>
  </si>
  <si>
    <t>Ярославская область, Большесельский р-н, д. Борисовское, ул. Молодежная, д. 31</t>
  </si>
  <si>
    <t>Площадь 255,3 кв.м</t>
  </si>
  <si>
    <t>Хозяйственное ведение c 04.10.2005 - Муниципальное унитарное предприятие "Коммунальник"</t>
  </si>
  <si>
    <t>Ярославская область, Большесельский р-н, д. Борисовское, ул. Молодежная, д. 31 А</t>
  </si>
  <si>
    <t>Площадь 46,2 кв.м</t>
  </si>
  <si>
    <t>Ярославская область, Большесельский р-н, д. Борисовское</t>
  </si>
  <si>
    <t>Площадь 1 кв.м</t>
  </si>
  <si>
    <t>Хозяйственное ведение c 30.07.2010 - Муниципальное унитарное предприятие "Коммунальник"</t>
  </si>
  <si>
    <t>Площадь 24 кв.м</t>
  </si>
  <si>
    <t>Площадь 55,2 кв.м</t>
  </si>
  <si>
    <t>Ярославская область, Большесельский р-н, с. Рождество</t>
  </si>
  <si>
    <t>Площадь 66 кв.м</t>
  </si>
  <si>
    <t>Оперативное управление c 09.03.1992 - Муниципальное дошкольное бюджетное образовательное учреждение Гостиловский детский сад</t>
  </si>
  <si>
    <t>Ярославская область, Большесельский р-н, с. Бакунино</t>
  </si>
  <si>
    <t>Оперативное управление c 02.12.2002 - Муниципальное общеобразовательное учреждение Бакунинская основная общеобразовательная школа</t>
  </si>
  <si>
    <t>Ярославская область, Большесельский р-н, с. Благовещенье,  д.10</t>
  </si>
  <si>
    <t>1529</t>
  </si>
  <si>
    <t>Площадь 1882,6 кв.м</t>
  </si>
  <si>
    <t>Ярославская область, Большесельский р-н, д. Байково,  д.10</t>
  </si>
  <si>
    <t>2620</t>
  </si>
  <si>
    <t>Площадь 289,3 кв.м</t>
  </si>
  <si>
    <t>Оперативное управление c 23.08.2011 - Муниципальное дошкольное образовательное учреждение Байковский детский сад</t>
  </si>
  <si>
    <t>Ярославская область, Большесельский р-н, д. Гари,  д.26</t>
  </si>
  <si>
    <t>2708</t>
  </si>
  <si>
    <t>Площадь 417,5 кв.м</t>
  </si>
  <si>
    <t>Оперативное управление c 13.04.2010 - Муниципальное дошкольное бюджетное образовательное учреждение Гарский детский сад</t>
  </si>
  <si>
    <t>Ярославская область, Большесельский р-н, с. Бакунино,  д.8</t>
  </si>
  <si>
    <t>Площадь 132 кв.м</t>
  </si>
  <si>
    <t>1526</t>
  </si>
  <si>
    <t>Площадь 367,5 кв.м</t>
  </si>
  <si>
    <t>Площадь 68 кв.м</t>
  </si>
  <si>
    <t>388</t>
  </si>
  <si>
    <t>Площадь 1101,1 кв.м</t>
  </si>
  <si>
    <t>Оперативное управление c 16.11.2016 - Муниципальное учреждение "Транспортно-хозяйственная служба" Большесельского МР</t>
  </si>
  <si>
    <t>Ярославская область, Большесельский р-н, с. Большое Село, пл.Советская,  д.9</t>
  </si>
  <si>
    <t>3338</t>
  </si>
  <si>
    <t>Площадь 767,8 кв.м</t>
  </si>
  <si>
    <t>Ярославская область, Большесельский р-н, д. Новое Гостилово, ул. Зеленая,  д.4</t>
  </si>
  <si>
    <t>2609</t>
  </si>
  <si>
    <t>Площадь 321,8 кв.м</t>
  </si>
  <si>
    <t>Оперативное управление c 29.04.2011 - Муниципальное дошкольное бюджетное образовательное учреждение Гостиловский детский сад</t>
  </si>
  <si>
    <t>Ярославская область, Большесельский р-н, с. Варегово (Вареговский с/с), ул.Депутатская,  д.1</t>
  </si>
  <si>
    <t>Площадь 632,5 кв.м</t>
  </si>
  <si>
    <t>Ярославская область, Большесельский р-н, с. Варегово (Вареговский с/с), ул.Депутатская,  д.3</t>
  </si>
  <si>
    <t>Ярославская область, Большесельский р-н, с. Варегово (Вареговский с/с), ул.Депутатская,  д.4</t>
  </si>
  <si>
    <t>Ярославская область, Большесельский р-н, с. Большое Село, ул.Заречная,  д.8</t>
  </si>
  <si>
    <t>807</t>
  </si>
  <si>
    <t>Площадь 127,3 кв.м</t>
  </si>
  <si>
    <t>Оперативное управление c 26.04.2002 - Муниципальное учреждение "Комплексный центр социального обслуживания населения"</t>
  </si>
  <si>
    <t>Ярославская область, Большесельский р-н, д. Высоково, ул.Им А.В.Романова,  д.19</t>
  </si>
  <si>
    <t>Площадь 1172,8 кв.м</t>
  </si>
  <si>
    <t>Оперативное управление c 17.12.2006 - Муниципальное общебразовательное учреждение  Высоковская основная общеобразовательная школа</t>
  </si>
  <si>
    <t>Ярославская область, Большесельский р-н, д. Высоково, ул.Им А.В.Романова,  д.21</t>
  </si>
  <si>
    <t>Площадь 310,6 кв.м</t>
  </si>
  <si>
    <t>Оперативное управление c 05.12.2006 - Муниципальное общебразовательное учреждение  Высоковская основная общеобразовательная школа</t>
  </si>
  <si>
    <t>Ярославская область, Большесельский р-н, д. Высоково, ул.Им А.В.Романова,  д.25</t>
  </si>
  <si>
    <t>Площадь 414,4 кв.м</t>
  </si>
  <si>
    <t>Оперативное управление c 30.12.2008 - Муниципальное учреждение "Комплексный центр социального обслуживания населения"</t>
  </si>
  <si>
    <t>Ярославская область, Большесельский р-н, с. Новое, ул.Мира</t>
  </si>
  <si>
    <t>Оперативное управление c 06.12.2002 - Муниципальное дошкольное образовательное учреждение Новосельский детский сад</t>
  </si>
  <si>
    <t>Ярославская область, Большесельский р-н, с. Новое, ул.Мира,  д.13</t>
  </si>
  <si>
    <t>76:01:010101:1446</t>
  </si>
  <si>
    <t>Площадь 374,9 кв.м</t>
  </si>
  <si>
    <t>Ярославская область, Большесельский р-н, д. Миглино, ул.Мира,  д.1А</t>
  </si>
  <si>
    <t>1484</t>
  </si>
  <si>
    <t>Площадь 1503,2 кв.м</t>
  </si>
  <si>
    <t>Оперативное управление c 01.06.2010 - Муниципальное общеобразовательное учреждение Миглинская основная общеобразовательная школа</t>
  </si>
  <si>
    <t>Ярославская область, Большесельский р-н, с. Большое Село, ул.Мира,  д.4</t>
  </si>
  <si>
    <t>Площадь 280,6 кв.м</t>
  </si>
  <si>
    <t>Безвозмездное пользование c 04.05.2010 - Православная религиозная организация Ярославская Епархия Русской Православной Церкви</t>
  </si>
  <si>
    <t>Ярославская область, Большесельский р-н, с. Большое Село, ул.Мира,  д.4а</t>
  </si>
  <si>
    <t>Площадь 21,9 кв.м</t>
  </si>
  <si>
    <t>Ярославская область, Большесельский р-н, с. Большое Село, ул.Мира,  д.6</t>
  </si>
  <si>
    <t>727</t>
  </si>
  <si>
    <t>Площадь 97 кв.м</t>
  </si>
  <si>
    <t>Оперативное управление c 19.04.2006 - Муниципальное образовательное учреждение дополнительного образования детей Большесельский Центр детского творчества</t>
  </si>
  <si>
    <t>Ярославская область, Большесельский р-н, с. Большое Село, ул.Мира,  д.6а</t>
  </si>
  <si>
    <t>Площадь 104,8 кв.м</t>
  </si>
  <si>
    <t>Безвозмездное пользование c 05.05.2010 - Православная религиозная организация Ярославская Епархия Русской Православной Церкви</t>
  </si>
  <si>
    <t>Ярославская область, Большесельский р-н, д. Чудиново (Чудиновский с/с), ул.Молодежная,  д.13</t>
  </si>
  <si>
    <t>2501</t>
  </si>
  <si>
    <t>Площадь 259,8 кв.м</t>
  </si>
  <si>
    <t>Оперативное управление c 28.04.2009 - Муниципальное дошкольное образовательное учреждение Чудиновский детский сад</t>
  </si>
  <si>
    <t>Ярославская область, Большесельский р-н, с. Большое Село, ул.Мясникова, д. 16</t>
  </si>
  <si>
    <t>Площадь 24,3 кв.м</t>
  </si>
  <si>
    <t>76:01:010101:516</t>
  </si>
  <si>
    <t>Площадь 11 кв.м</t>
  </si>
  <si>
    <t>76:01:010101:999</t>
  </si>
  <si>
    <t>Площадь 12,4 кв.м</t>
  </si>
  <si>
    <t>76:01:010101:306</t>
  </si>
  <si>
    <t>Площадь 142,9 кв.м</t>
  </si>
  <si>
    <t>76:01:010101:998</t>
  </si>
  <si>
    <t>Площадь 20,1 кв.м</t>
  </si>
  <si>
    <t>76:01:010101:892</t>
  </si>
  <si>
    <t>Площадь 249,5 кв.м</t>
  </si>
  <si>
    <t>76:01:010101:181</t>
  </si>
  <si>
    <t>Площадь 250,7 кв.м</t>
  </si>
  <si>
    <t>76:01:010101:182</t>
  </si>
  <si>
    <t>Площадь 50,8 кв.м</t>
  </si>
  <si>
    <t>76:01:010101:767</t>
  </si>
  <si>
    <t>Площадь 54,3 кв.м</t>
  </si>
  <si>
    <t>76:01:010101:766</t>
  </si>
  <si>
    <t>Площадь 587,3 кв.м</t>
  </si>
  <si>
    <t>76:01:010101:515</t>
  </si>
  <si>
    <t>Площадь 64,5 кв.м</t>
  </si>
  <si>
    <t>76:01:010101:638</t>
  </si>
  <si>
    <t>Площадь 91,2 кв.м</t>
  </si>
  <si>
    <t>76:01:010101:639</t>
  </si>
  <si>
    <t>Площадь 92,5 кв.м</t>
  </si>
  <si>
    <t>Ярославская область, Большесельский р-н, с. Варегово (Вареговский с/с), ул.Новый Путь,  д.22В</t>
  </si>
  <si>
    <t>1159</t>
  </si>
  <si>
    <t>Площадь 602,7 кв.м</t>
  </si>
  <si>
    <t>Ярославская область, Большесельский р-н, с. Новое, ул.Октябрьская,  д.3</t>
  </si>
  <si>
    <t>76:01:010101:1553</t>
  </si>
  <si>
    <t>Площадь 1033,4 кв.м</t>
  </si>
  <si>
    <t>Оперативное управление c 06.12.2002 - Муниципальное общеобразовательное учреждение Новосельская средняя общеобразовательная школа</t>
  </si>
  <si>
    <t>Ярославская область, Большесельский р-н, с. Новое, ул.Октябрьская,  д.5</t>
  </si>
  <si>
    <t>76:01:010101:1521</t>
  </si>
  <si>
    <t>Площадь 424,5 кв.м</t>
  </si>
  <si>
    <t>Ярославская область, Большесельский р-н, с. Новое, ул.Октябрьская,  д.7</t>
  </si>
  <si>
    <t>76:01:010101:1522</t>
  </si>
  <si>
    <t>Площадь 604,2 кв.м</t>
  </si>
  <si>
    <t>Ярославская область, Большесельский р-н, с. Дунилово, ул.Пионерская</t>
  </si>
  <si>
    <t>Оперативное управление c 02.12.2002 - Муниципальное общеобразовательное учреждение Дуниловская основная общеобразовательная школа</t>
  </si>
  <si>
    <t>Ярославская область, Большесельский р-н, с. Дунилово, ул.Пионерская,  д.5</t>
  </si>
  <si>
    <t>Площадь 900,7 кв.м</t>
  </si>
  <si>
    <t>Ярославская область, Большесельский р-н, с. Новое, ул.Вавилова, д. 2</t>
  </si>
  <si>
    <t>Площадь 192,3 кв.м</t>
  </si>
  <si>
    <t>Ярославская область, Большесельский р-н, с. Дунилово, ул.Рабочая, д. 14а</t>
  </si>
  <si>
    <t>Площадь 148,6 кв.м</t>
  </si>
  <si>
    <t>Ярославская область, Большесельский р-н, с. Дунилово, ул.Рабочая,  д.8</t>
  </si>
  <si>
    <t>91</t>
  </si>
  <si>
    <t>Площадь 243,1 кв.м</t>
  </si>
  <si>
    <t>Оперативное управление c 20.06.2006 - Муниципальное дошкольное образовательное учреждение Дуниловский детский сад</t>
  </si>
  <si>
    <t>Ярославская область, Большесельский р-н, с. Большое Село, ул.Сурикова, д. 9а</t>
  </si>
  <si>
    <t>Площадь 99,7 кв.м</t>
  </si>
  <si>
    <t>Хозяйственное ведение c 01.01.2009 - Муниципальное унитарное предприятие "Коммунальник"</t>
  </si>
  <si>
    <t>Ярославская область, Большесельский р-н, с. Большое Село, ул.Сурикова</t>
  </si>
  <si>
    <t>432</t>
  </si>
  <si>
    <t>Оперативное управление c 14.04.2004 - Муниципальное общеобразовательное учреждение Большесельская средняя общеобразовательная школа</t>
  </si>
  <si>
    <t>442</t>
  </si>
  <si>
    <t>Площадь 1689,4 кв.м</t>
  </si>
  <si>
    <t>Оперативное управление c 25.11.2003 - Муниципальное дошкольное образовательное учреждение Большесельский детский сад "Березка"</t>
  </si>
  <si>
    <t>Площадь 381,2 кв.м</t>
  </si>
  <si>
    <t>Ярославская область, Большесельский р-н, с. Большое Село, ул.Сурикова,  д.9а</t>
  </si>
  <si>
    <t>Площадь  кв.м</t>
  </si>
  <si>
    <t>Площадь 383,5 кв.м</t>
  </si>
  <si>
    <t>Ярославская область, Большесельский р-н, с. Большое Село, ул. Советская</t>
  </si>
  <si>
    <t>Ярославская область, Большесельский р-н, с. Большое Село, ЦК</t>
  </si>
  <si>
    <t xml:space="preserve">Ярославская область, Большесельский р-н, д. Миглино </t>
  </si>
  <si>
    <t>Ярославская область, Большесельский р-н, с. Варегово</t>
  </si>
  <si>
    <t xml:space="preserve">Ярославская область, Большесельский р-н, д. Каюрово </t>
  </si>
  <si>
    <t xml:space="preserve">Ярославская область, Большесельский р-н, д. Борисовское </t>
  </si>
  <si>
    <t>Ярославская область, Большесельский р-н, с. Большое Село (правобережная часть)</t>
  </si>
  <si>
    <t>76:01:000000:2542</t>
  </si>
  <si>
    <t>Протяженность 6929м</t>
  </si>
  <si>
    <t>Ярославская область, Большесельский р-н, д. Миглино</t>
  </si>
  <si>
    <t>Хозяйственное ведение c  - Муниципальное унитарное предприятие "Коммунальник"</t>
  </si>
  <si>
    <t>Ярославская область, Большесельский р-н, с. Дунилово, ул. Пионерская, д. 1, ул. Рабочая, д. 13</t>
  </si>
  <si>
    <t>Ярославская область, Большесельский р-н, с. Дунилово, ул. Рабочая, д. 1, 3, 6, 10, 12, 14</t>
  </si>
  <si>
    <t>Оперативное управление c 09.03.1992 - Администрациия Большесельского муниципального района Ярославской области</t>
  </si>
  <si>
    <t>Площадь 202,2 кв.м</t>
  </si>
  <si>
    <t>491</t>
  </si>
  <si>
    <t>Площадь 417,1 кв.м</t>
  </si>
  <si>
    <t>Площадь 545,6 кв.м</t>
  </si>
  <si>
    <t>Ярославская область, Большесельский р-н, д. Высоково, ул.Центральная, д. 1в</t>
  </si>
  <si>
    <t>Площадь 194,4 кв.м</t>
  </si>
  <si>
    <t>Ярославская область, Большесельский р-н, д. Высоково</t>
  </si>
  <si>
    <t>Ярославская область, Большесельский р-н, д. Миглино, ул.Центральная, д. 2в</t>
  </si>
  <si>
    <t>Площадь 211 кв.м</t>
  </si>
  <si>
    <t>Ярославская область, Большесельский р-н, д. Высоково, ул.Центральная,  д.2</t>
  </si>
  <si>
    <t>840</t>
  </si>
  <si>
    <t>Площадь 626,6 кв.м</t>
  </si>
  <si>
    <t>Ярославская область, Большесельский р-н, д. Новое Гостилово, ул.Центральная,  д.8</t>
  </si>
  <si>
    <t>Площадь 64 кв.м</t>
  </si>
  <si>
    <t>Безвозмездное пользование c 01.04.2010 - Администрация Благовещенского сельского поселения Ярославской области</t>
  </si>
  <si>
    <t>Ярославская область, Большесельский р-н, с. Большое Село, ул.Челюскинцев,  д.25</t>
  </si>
  <si>
    <t>527</t>
  </si>
  <si>
    <t>Площадь 397,1 кв.м</t>
  </si>
  <si>
    <t>Площадь 166,8 кв.м</t>
  </si>
  <si>
    <t>Площадь 230,3 кв.м</t>
  </si>
  <si>
    <t xml:space="preserve">Оперативное управление c  21.05.2001 - Муниципальное бюджетное  учреждение дополнительного образования Детская музыкальная школа Большесельского муниципального района </t>
  </si>
  <si>
    <t>Ярославская область, Большесельский р-н, с. Большое Село, ул.Челюскинцев,  д.3А</t>
  </si>
  <si>
    <t>Площадь 2117 кв.м</t>
  </si>
  <si>
    <t xml:space="preserve">Оперативное управление c 26.02.2018 - Муниципальное учреждение культуры "Центр развития и сохранения культуры Большесельского района" </t>
  </si>
  <si>
    <t>Ярославская область, Большесельский р-н, с. Большое Село, ул.Челюскинцев,  д.4</t>
  </si>
  <si>
    <t>503</t>
  </si>
  <si>
    <t>Площадь 264,7 кв.м</t>
  </si>
  <si>
    <t>Площадь 134,3 кв.м</t>
  </si>
  <si>
    <t>Оперативное управление c     - Муниципальное автономное учреждение Большесельского муниципального района "Редакция газеты "Большесельские вести"</t>
  </si>
  <si>
    <t>Площадь 132,5 кв.м</t>
  </si>
  <si>
    <t>Оперативное управление c 27.02.2018    - Муниципальное бюджетное учреждение культуры "Централизованная библиотечная система Большес ельского муниципального района"</t>
  </si>
  <si>
    <t>Ярославская область, Большесельский р-н, с. Большое Село, ул.Челюскинцев,  д.59</t>
  </si>
  <si>
    <t>Ярославская область, Большесельский р-н, с. Варегово (Вареговский с/с), ул.Школьная</t>
  </si>
  <si>
    <t>Площадь 1273,9 кв.м</t>
  </si>
  <si>
    <t>Площадь 416,4 кв.м</t>
  </si>
  <si>
    <t>Ярославская область, Большесельский р-н, д. Большесельский с/о, вблизи д. Николаевское</t>
  </si>
  <si>
    <t>76:01:056001:4</t>
  </si>
  <si>
    <t>Площадь 23229 кв.м</t>
  </si>
  <si>
    <t>Аренда с 27.09.2018 - МУП "Коммунальник"</t>
  </si>
  <si>
    <t>76:01:084301:108</t>
  </si>
  <si>
    <t>Площадь 38384 кв.м</t>
  </si>
  <si>
    <t>Аренда с 17.04.2017 - МУП "Коммунальник"</t>
  </si>
  <si>
    <t xml:space="preserve">Ярославская область, Большесельский р-н, с. Большое Село, ул.Усыскина,  д.25 </t>
  </si>
  <si>
    <t>76:01:010130:219</t>
  </si>
  <si>
    <t>Площадь 55,3 кв.м</t>
  </si>
  <si>
    <t>76:01:010130:218</t>
  </si>
  <si>
    <t>Площадь 38,6 кв.м</t>
  </si>
  <si>
    <t xml:space="preserve">Оперативное управление c 26.05.2017 - Муниципальное учреждение "Единая дежурно-диспетчерская служба Большесельского муниципального района" </t>
  </si>
  <si>
    <t>76:01:010130:217</t>
  </si>
  <si>
    <t>Площадь 2,2 кв.м</t>
  </si>
  <si>
    <t>Ярославская область, Большесельский р-н, Большесельское сельское поселение</t>
  </si>
  <si>
    <t>Длина 2943 м;</t>
  </si>
  <si>
    <t>Ярославская область, Большесельский р-н, Новосельский с/о, с. Новое, ул. Октябрьская, д. 5, д. 7</t>
  </si>
  <si>
    <t>76:01:023001:223</t>
  </si>
  <si>
    <t>Площадь 2513 кв.м</t>
  </si>
  <si>
    <t>Ярославская область, Большесельский р-н, с. Большое Село, пл. Советская, д. 9</t>
  </si>
  <si>
    <t>76:01:010115:291</t>
  </si>
  <si>
    <t>Площадь 433 кв.м</t>
  </si>
  <si>
    <t>Ярославская область, Большесельский р-н, с. Новое, ул. Октябрьская</t>
  </si>
  <si>
    <t>Площадь 1000 кв.м</t>
  </si>
  <si>
    <t>Ярославская область, Большесельский р-н, д. Каменское</t>
  </si>
  <si>
    <t>76:01:051601:30</t>
  </si>
  <si>
    <t>Площадь 1320 кв.м</t>
  </si>
  <si>
    <t>Ярославская область, Большесельский р-н, Большесельский с/о, д. Труфимская</t>
  </si>
  <si>
    <t>76:01:054001:22</t>
  </si>
  <si>
    <t>Площадь 1065 кв.м</t>
  </si>
  <si>
    <t>Ярославская область, Большесельский р-н, д. Медведково</t>
  </si>
  <si>
    <t>Ярославская область, Большесельский р-н, д. Противье</t>
  </si>
  <si>
    <t>Ярославская область, Большесельский р-н, д. Рукавово</t>
  </si>
  <si>
    <t>Ярославская область, Большесельский р-н, Большесельское сельское поселение, Высоковский с/о</t>
  </si>
  <si>
    <t>76:01:000000:2424</t>
  </si>
  <si>
    <t>Площадь 6925 кв.м</t>
  </si>
  <si>
    <t>76:01:000000:2425</t>
  </si>
  <si>
    <t>Площадь 9092 кв.м</t>
  </si>
  <si>
    <t>Ярославская область, Большесельский р-н, с. Большое Село, ул. Заречная, д. 8</t>
  </si>
  <si>
    <t>76:01:010106:98</t>
  </si>
  <si>
    <t>Площадь 640 кв.м</t>
  </si>
  <si>
    <t>Ярославская область, Большесельский р-н, с. Большое Село, ул. Челюскинцев, д. 4</t>
  </si>
  <si>
    <t>76:01:010115:141</t>
  </si>
  <si>
    <t>Площадь 427 кв.м</t>
  </si>
  <si>
    <t>Ярославская область, Большесельский р-н, с/с Большесельский, с. Большое Село, ул. Челюскинцев, д. 25</t>
  </si>
  <si>
    <t>76:01:010118:69</t>
  </si>
  <si>
    <t>Площадь 373 кв.м</t>
  </si>
  <si>
    <t>Ярославская область, Большесельский р-н, с/с Большесельский, с. Большое Село, ул. Сурикова</t>
  </si>
  <si>
    <t>76:01:010122:77</t>
  </si>
  <si>
    <t>Ярославская область, Большесельский р-н, с/с Большесельский, с. Дунилово</t>
  </si>
  <si>
    <t>76:01:010202:29</t>
  </si>
  <si>
    <t>Площадь 574 кв.м</t>
  </si>
  <si>
    <t>Ярославская область, Большесельский р-н, с. Варегово (Вареговский с/с), ул. Новый Путь, д. 22В</t>
  </si>
  <si>
    <t>76:01:065901:141</t>
  </si>
  <si>
    <t>Площадь 5323 кв.м</t>
  </si>
  <si>
    <t>Ярославская область, Большесельский р-н, Вареговское с/п, Вареговский с/о, с. Варегово, ул. Ярославская</t>
  </si>
  <si>
    <t>76:01:065901:159</t>
  </si>
  <si>
    <t>Площадь 824 кв.м</t>
  </si>
  <si>
    <t>Ярославская область, Большесельский р-н, д. Высоково, ул. Центральная, д. 2</t>
  </si>
  <si>
    <t>76:01:071201:218</t>
  </si>
  <si>
    <t>Площадь 1693 кв.м</t>
  </si>
  <si>
    <t>Ярославская область, Большесельский р-н, д. Высоково, ул. А.В. Романова, д. 25</t>
  </si>
  <si>
    <t>76:01:071201:225</t>
  </si>
  <si>
    <t>Площадь 901 кв.м</t>
  </si>
  <si>
    <t>Ярославская область, Большесельский р-н, с/п Большесельское,  ПСК "Ясная Поляна"</t>
  </si>
  <si>
    <t>76:01:083801:51</t>
  </si>
  <si>
    <t>Площадь 855 кв.м</t>
  </si>
  <si>
    <t>76:01:084301:329</t>
  </si>
  <si>
    <t>Площадь 5261 кв.м</t>
  </si>
  <si>
    <t>Ярославская область, Большесельский р-н, Большесельское сельское поселение, Большесельский с/о, с. Большое Село, ул. Мира, д. 6</t>
  </si>
  <si>
    <t>76:01:010115:264</t>
  </si>
  <si>
    <t>Площадь 434 кв.м</t>
  </si>
  <si>
    <t>Ярославская область, Большесельский р-н, Большесельское сельское поселение, с. Большое Село, ул. Челюскинцев, д. 3а</t>
  </si>
  <si>
    <t>76:01:010119:85</t>
  </si>
  <si>
    <t>Площадь 3049 кв.м</t>
  </si>
  <si>
    <t>Ярославская область, Большесельский р-н, с. Большое Село, ул. Сурикова, д. 28</t>
  </si>
  <si>
    <t>76:01:010123:195</t>
  </si>
  <si>
    <t>Площадь 5462 кв.м</t>
  </si>
  <si>
    <t>76:01:010123:362</t>
  </si>
  <si>
    <t>Площадь 1020 кв.м</t>
  </si>
  <si>
    <t>Ярославская область, Большесельский р-н, с. Дунилово, ул. Пионерская, д. 5</t>
  </si>
  <si>
    <t>76:01:010202:104</t>
  </si>
  <si>
    <t>Площадь 9346 кв.м</t>
  </si>
  <si>
    <t>Ярославская область, Большесельский р-н, с. Дунилово, ул. Рабочая, д. 8</t>
  </si>
  <si>
    <t>76:01:010203:44</t>
  </si>
  <si>
    <t>Площадь 1939 кв.м</t>
  </si>
  <si>
    <t>Ярославская область, Большесельский р-н, д. Гари, д. 26</t>
  </si>
  <si>
    <t>76:01:020601:56</t>
  </si>
  <si>
    <t>Площадь 1489 кв.м</t>
  </si>
  <si>
    <t>Ярославская область, Большесельский р-н, с. Новое, ул. Октябрьская, д. 3</t>
  </si>
  <si>
    <t>76:01:023001:88</t>
  </si>
  <si>
    <t>Площадь 6364 кв.м</t>
  </si>
  <si>
    <t>Ярославская область, Большесельский р-н, с. Новое, ул. Мира, д. 13</t>
  </si>
  <si>
    <t>76:01:023002:84</t>
  </si>
  <si>
    <t>Площадь 3460 кв.м</t>
  </si>
  <si>
    <t>Ярославская область, Большесельский р-н, д. Чудиново, ул. Молодежная, д. 13</t>
  </si>
  <si>
    <t>76:01:030901:56</t>
  </si>
  <si>
    <t>Площадь 2222 кв.м</t>
  </si>
  <si>
    <t>Ярославская область, Большесельский р-н, Благовещенское с/п, Благовещенский с/о, д. Новое Гостилово, ул. Зеленая, д. 4</t>
  </si>
  <si>
    <t>76:01:040701:52</t>
  </si>
  <si>
    <t>Площадь 1720 кв.м</t>
  </si>
  <si>
    <t>Ярославская область, Большесельский р-н, д. Борисовское, ул. Молодежная, д. 6</t>
  </si>
  <si>
    <t>76:01:042801:307</t>
  </si>
  <si>
    <t>Площадь 2808 кв.м</t>
  </si>
  <si>
    <t>Ярославская область, Большесельский р-н, с. Благовещенье, д. 10</t>
  </si>
  <si>
    <t>76:01:043001:11</t>
  </si>
  <si>
    <t>Площадь 16402 кв.м</t>
  </si>
  <si>
    <t>Ярославская область, Большесельский р-н, с. Варегово, ул. Школьная, д. 1</t>
  </si>
  <si>
    <t>76:01:065912:151</t>
  </si>
  <si>
    <t>Площадь 22568 кв.м</t>
  </si>
  <si>
    <t>Ярославская область, Большесельский р-н, с. Варегово (Вареговский с/с, ул. Мира, д. 25</t>
  </si>
  <si>
    <t>76:01:065913:123</t>
  </si>
  <si>
    <t>Площадь 1782 кв.м</t>
  </si>
  <si>
    <t>Ярославская область, Большесельский р-н, д. Высоково, ул. А.В. Романова, д. 19</t>
  </si>
  <si>
    <t>76:01:071201:223</t>
  </si>
  <si>
    <t>Площадь 4359 кв.м</t>
  </si>
  <si>
    <t>Ярославская область, Большесельский р-н, д. Бакунино, д. 8</t>
  </si>
  <si>
    <t>76:01:080501:14</t>
  </si>
  <si>
    <t>Площадь 4591 кв.м</t>
  </si>
  <si>
    <t>Ярославская область, Большесельский р-н, д. Байково, д. 10</t>
  </si>
  <si>
    <t>76:01:080601:64</t>
  </si>
  <si>
    <t>Площадь 2187 кв.м</t>
  </si>
  <si>
    <t>Ярославская область, Большесельский р-н, д. Миглино, ул. Мира, д. 1а</t>
  </si>
  <si>
    <t>76:01:082201:148</t>
  </si>
  <si>
    <t>Площадь 11542 кв.м</t>
  </si>
  <si>
    <t>Ярославская область, Большесельский р-н, Большесельское сельское поселение, Большесельский с/о, с. Большое Село, ул. Мясникова, д. 16</t>
  </si>
  <si>
    <t>76:01:010113:173</t>
  </si>
  <si>
    <t>Площадь 159 кв.м</t>
  </si>
  <si>
    <t>Аренда с 28.01.2016 - МУП "Коммунальник"</t>
  </si>
  <si>
    <t>Ярославская область, Большесельский р-н, Большесельская с/с, с. Большое Село, ул. Сурикова, д. 9  "А"</t>
  </si>
  <si>
    <t>76:01:010119:99</t>
  </si>
  <si>
    <t>Площадь 3950 кв.м</t>
  </si>
  <si>
    <t>Аренда с 18.12.2014  - МУП "Коммунальник"</t>
  </si>
  <si>
    <t>76:01:023001:32</t>
  </si>
  <si>
    <t>Площадь 2000 кв.м</t>
  </si>
  <si>
    <t>Ярославская область, Большесельский р-н, с. Новое, ул. Октябрьская, д. 16</t>
  </si>
  <si>
    <t>76:01:023001:221</t>
  </si>
  <si>
    <t>Безвозмездное пользование с 27.02.2018 - Государственное казенное учреждение Ярославской области "Единая служба заказчика"</t>
  </si>
  <si>
    <t>Ярославская область, Большесельский р-н, с. Дунилово, ул. Рабочая, д. 11а</t>
  </si>
  <si>
    <t>Площадь 69,3 кв.м</t>
  </si>
  <si>
    <t>Хозяйственное ведение c 11.12.2017 - Муниципальное унитарное предприятие "Коммунальник"</t>
  </si>
  <si>
    <t>Ярославская область, Большесельский р-н, с. Большое Село, ул. Усыскина, д. 23е</t>
  </si>
  <si>
    <t>76:01:010109:263</t>
  </si>
  <si>
    <t>Площадь 161 кв.м</t>
  </si>
  <si>
    <t>Ярославская область, Большесельский р-н, с. Большое Село, ул. Кооператиная</t>
  </si>
  <si>
    <t>Ярославская область, Большесельский р-н, д. Б.Муравьево</t>
  </si>
  <si>
    <t>Ярославская область, Большесельский р-н, д. Андреевское</t>
  </si>
  <si>
    <t>Ярославская область, Большесельский р-н, д. Елохово</t>
  </si>
  <si>
    <t>76:01:000000:2530</t>
  </si>
  <si>
    <t>Площадь 5989 кв.м</t>
  </si>
  <si>
    <t>76:01:000000:2532</t>
  </si>
  <si>
    <t>Площадь 8877 кв.м</t>
  </si>
  <si>
    <t>Ярославская область, Большесельский р-н, с. Большое Село, ул. Челюскинцев, д. 59</t>
  </si>
  <si>
    <t>76:01:010131:155</t>
  </si>
  <si>
    <t>Площадь 3296 кв.м</t>
  </si>
  <si>
    <t>Ярославская область, Большесельский р-н, с. Дунилово, ул. Рабочая, д. 14а</t>
  </si>
  <si>
    <t>76:01:010212:19</t>
  </si>
  <si>
    <t>Площадь 2243 кв.м</t>
  </si>
  <si>
    <t>Ярославская область, Большесельский р-н, с. Новое, ул. Вавилова, д. 2</t>
  </si>
  <si>
    <t>76:01:023002:212</t>
  </si>
  <si>
    <t>Площадь 402 кв.м</t>
  </si>
  <si>
    <t>76:01:026901:157</t>
  </si>
  <si>
    <t>Площадь 3832 кв.м</t>
  </si>
  <si>
    <t>Ярославская область, Большесельский р-н, д. Борисовское, ул. Молодежная</t>
  </si>
  <si>
    <t>76:01:042801:721</t>
  </si>
  <si>
    <t>Площадь 5228 кв.м</t>
  </si>
  <si>
    <t>76:01:043001:122</t>
  </si>
  <si>
    <t>Площадь 33 кв.м</t>
  </si>
  <si>
    <t>Ярославская область, Большесельский р-н, с. Варегово, ул. Депутатская, д. 1</t>
  </si>
  <si>
    <t>76:01:065906:219</t>
  </si>
  <si>
    <t>Площадь 4701 кв.м</t>
  </si>
  <si>
    <t>Ярославская область, Большесельский р-н, д. Высоково, ул. Центральная, д. 1в</t>
  </si>
  <si>
    <t>76:01:071201:516</t>
  </si>
  <si>
    <t>Площадь 2046 кв.м</t>
  </si>
  <si>
    <t>Ярославская область, Большесельский р-н, Большесельское с/п, Большесельский с/о, с. Дунилово</t>
  </si>
  <si>
    <t>76:01:010212:17</t>
  </si>
  <si>
    <t>Площадь 1658 кв.м</t>
  </si>
  <si>
    <t>76:01:071201:222</t>
  </si>
  <si>
    <t>Площадь 2917 кв.м</t>
  </si>
  <si>
    <t xml:space="preserve"> - Постоянное бессрочное пользование с 28.06.2012 МОУ Высоковская ООШ</t>
  </si>
  <si>
    <t>Ярославская область, Большесельский р-н, с/о Большесельский, д. Ваулино</t>
  </si>
  <si>
    <t>76:01:050901:29</t>
  </si>
  <si>
    <t>Площадь 1070 кв.м</t>
  </si>
  <si>
    <t>Ярославская область, Большесельский р-н, д. Шамнино</t>
  </si>
  <si>
    <t>76:01:051301:155</t>
  </si>
  <si>
    <t>Площадь 900 кв.м</t>
  </si>
  <si>
    <t>Ярославская область, Большесельский р-н, с/о Большесельский, д. Колошино</t>
  </si>
  <si>
    <t>76:01:055201:82</t>
  </si>
  <si>
    <t>Площадь 800 кв.м</t>
  </si>
  <si>
    <t>Длина 1113,81 м;</t>
  </si>
  <si>
    <t>Ярославская область, Большесельский р-н, д. Совкино</t>
  </si>
  <si>
    <t>Ярославская область, Большесельский р-н, с. Новое, ул. Октябрьская, д. 25</t>
  </si>
  <si>
    <t>76:01:023001:121</t>
  </si>
  <si>
    <t>76:01:010137:46</t>
  </si>
  <si>
    <t>Площадь 632 кв.м</t>
  </si>
  <si>
    <t>76:01:082201:207</t>
  </si>
  <si>
    <t>Наименование автодорог</t>
  </si>
  <si>
    <t>Протяжен-ность автодорог (км)</t>
  </si>
  <si>
    <t>Тип покрытия</t>
  </si>
  <si>
    <t>"Ярославль-Углич"-д.Федотово</t>
  </si>
  <si>
    <t>грунтовая</t>
  </si>
  <si>
    <t>"Новое село-Гари" - подъезд к д. Сереброво</t>
  </si>
  <si>
    <t>"Ярославль-Углич"-д.Б.Совкино-д.Прокшино</t>
  </si>
  <si>
    <t>"Ярославль-Углич"-д.Николаевское</t>
  </si>
  <si>
    <t>"Ярославль-Углич"-д.Гаврино</t>
  </si>
  <si>
    <t>"Ярославль-Углич"-д.Глоднево</t>
  </si>
  <si>
    <t>"Ярославль-Углич"-д.Горки</t>
  </si>
  <si>
    <t>ж/б плиты-грунтовая</t>
  </si>
  <si>
    <t>д. Фофаново-д. Заручье</t>
  </si>
  <si>
    <t>"Ярославль-Углич"-д.Кириллово</t>
  </si>
  <si>
    <t>"Ярославль-Углич"-д.Колшево</t>
  </si>
  <si>
    <t>"Ярославль-Углич"-д.Михали</t>
  </si>
  <si>
    <t>"Ярославль-Углич"-д.Мытищи</t>
  </si>
  <si>
    <t>"Большое Село-Рыбинск" - подъезд к д. Демидово</t>
  </si>
  <si>
    <t>ЩПС</t>
  </si>
  <si>
    <t>"Ярославль-Углич"-д.Подчигарово</t>
  </si>
  <si>
    <t>"Ярославль-Углич"-д.Прокшино</t>
  </si>
  <si>
    <t>"Ярославль-Углич"-д.Спирово</t>
  </si>
  <si>
    <t>"Большое Село-Волыново-Щукино"- подъезд к ул. Павлово д. Игрищи</t>
  </si>
  <si>
    <t>"с. Большое Село-д. Шушкицы" с примыканием к д.Труфимская</t>
  </si>
  <si>
    <t>"Ярославль-Углич"- д.Соколино</t>
  </si>
  <si>
    <t>"Ярославль-Углич"- д.Пестово</t>
  </si>
  <si>
    <t>"Ярославль-Углич"-д. Матренино</t>
  </si>
  <si>
    <t>"Большое Село-Шушкицы"-д.Бахматово</t>
  </si>
  <si>
    <t>"Большое Село-Шушкицы"-д.Бабуково-д.Новленское</t>
  </si>
  <si>
    <t>"Большое Село-Шушкицы"-д.Клешнино</t>
  </si>
  <si>
    <t>"Большое Село-Волыново-Щукино"-д. Федорково</t>
  </si>
  <si>
    <t>Подъезд к д. Васино с примыканием в автодороге "Большое Село - Волыново - Щукино" - д. Федорково</t>
  </si>
  <si>
    <t>"Девницы-Дор" - д. Устье</t>
  </si>
  <si>
    <t>"Большое Село-Волыново-Щукино"-д.Мошнино</t>
  </si>
  <si>
    <t>"Большое Село-Волыново-Щукино"-д.Рыгайцево</t>
  </si>
  <si>
    <t>"Большое Село-Волыново-Щукино"-с.Герцено</t>
  </si>
  <si>
    <t>"д. Баскачи-д.Замостье"</t>
  </si>
  <si>
    <t>"д. Симаново-д.Андрейцевка"</t>
  </si>
  <si>
    <t>"Большое Село-Волыново-Щукино"-д.Симоново</t>
  </si>
  <si>
    <t>"с. Герцено - д.Афанасово"</t>
  </si>
  <si>
    <t>"Большое Село-Волыново-Щукино"-д.Баскачи</t>
  </si>
  <si>
    <t>"Большое Село-Волыново-Щукино"-д.Козлово-д.Пустынь</t>
  </si>
  <si>
    <t>"Большое Село-Волыново-Щукино"-д.Березино</t>
  </si>
  <si>
    <t>"Большое Село-Волыново-Щукино"-д.Широканово</t>
  </si>
  <si>
    <t>"Большое Село-Волыново-Щукино"-д.Волыново</t>
  </si>
  <si>
    <t>"Большое Село-Волыново-Щукино"-с.Николо-Молокша</t>
  </si>
  <si>
    <t>с. Николо-Молокша-д.Костяново</t>
  </si>
  <si>
    <t>"Аферово-Мишенино"- д.Аферово</t>
  </si>
  <si>
    <t>"Аферово-Мишенино"- д.Антоново</t>
  </si>
  <si>
    <t>"Андреево-Тяжино"-д.Желудьево</t>
  </si>
  <si>
    <t>"Андреево-Тяжино"-д.Максимово</t>
  </si>
  <si>
    <t>"Большое Село-Дунилово"-д.Совкино</t>
  </si>
  <si>
    <t>"Большое Село-Дунилово"-д.Деревни</t>
  </si>
  <si>
    <t>"Киндяки-Большое Село"-с.Никольское</t>
  </si>
  <si>
    <t>"Киндяки -Большое Село"-д.Рукавово-д.Ваулино</t>
  </si>
  <si>
    <t>"Киндяки-Большое Село"-д.Ветрово</t>
  </si>
  <si>
    <t>"Киндяки-Большое Село"-д.Кулыново</t>
  </si>
  <si>
    <t>"Киндяки-Большое Село"-д.Гартово</t>
  </si>
  <si>
    <t>"Киндяки-Большое Село"-д.Стрябково</t>
  </si>
  <si>
    <t>"Киндяки-Большое Село"-д.Гаврильцево</t>
  </si>
  <si>
    <t>"Киндяки-Большое Село"-д.Малое Скрылево</t>
  </si>
  <si>
    <t>"Большое село -Рыбинск" -д.Нестерово</t>
  </si>
  <si>
    <t>"Большое село -Рыбинск" -д. Никитинское</t>
  </si>
  <si>
    <t>"Большое село-Рыбинск"-д.Власово-д.Саморядово</t>
  </si>
  <si>
    <t>"Большое село-Рыбинск"-д.Будаково</t>
  </si>
  <si>
    <t>асфальтобетон</t>
  </si>
  <si>
    <t>"Большое село-Рыбинск"-д.Петраково</t>
  </si>
  <si>
    <t>"Большое село -Рыбинск"-д.Шишелово</t>
  </si>
  <si>
    <t>"Большое село -Рыбинск"-д.Ильинское</t>
  </si>
  <si>
    <t>"Арефино-Федорково"- д.Алексеево</t>
  </si>
  <si>
    <t>"Арефино-Миглино-Федорково"-д.Байково</t>
  </si>
  <si>
    <t>ПГС</t>
  </si>
  <si>
    <t>"Арефино-Миглино-Федорково"- д.Новоселки</t>
  </si>
  <si>
    <t>"Варегово-Федорково"- с.Бакунино</t>
  </si>
  <si>
    <t>"Варегово-Федорково"-д.Доронино</t>
  </si>
  <si>
    <t>"Варегово-Федорково"- д.Жиряки</t>
  </si>
  <si>
    <t>"Варегово-Федорково"-ур.Карачуново</t>
  </si>
  <si>
    <t>"Варегово-Федорково"-д.Марково</t>
  </si>
  <si>
    <t>"Варегово-Федорково"-д.Никифорцево</t>
  </si>
  <si>
    <t>"Варегово-Федорково"-д.Овсецовка</t>
  </si>
  <si>
    <t>"Варегово-Федорково"-д.Половинкино</t>
  </si>
  <si>
    <t>"Варегово-Федорково"-д.Чудиново</t>
  </si>
  <si>
    <t>"Бакунино-Байково-Борщевка-Якимково"- д.Савкино</t>
  </si>
  <si>
    <t>"Бакунино-Байково-Борщевка-Якимково"-д.Ченцы</t>
  </si>
  <si>
    <t>д.Соколино-д.Леонтьевское</t>
  </si>
  <si>
    <t>д.Леонтьевское -д.Зайково</t>
  </si>
  <si>
    <t>д.Легково-д.Григорцево</t>
  </si>
  <si>
    <t>"с.Новое-д.Гари"- д.Судовики</t>
  </si>
  <si>
    <t>"с.Новое-д.Гари"- д.Калитино</t>
  </si>
  <si>
    <t>"с.Новое-д.Гари"- д.Тешелово</t>
  </si>
  <si>
    <t>д.Гари- д.Токарево</t>
  </si>
  <si>
    <t>д.Павлово-ур.Никаново</t>
  </si>
  <si>
    <t>д.Павлово- д.Ратково</t>
  </si>
  <si>
    <t>"Ярославль-Мышкин"- д.Погорелки</t>
  </si>
  <si>
    <t>"Ярославль-Мышкин"- ур.Кершево</t>
  </si>
  <si>
    <t>д.Дор - д.Плескание</t>
  </si>
  <si>
    <t>д.Плескание -д.Ромашино</t>
  </si>
  <si>
    <t>д.Ромашино-д.Тузлыки</t>
  </si>
  <si>
    <t>д.Тузлыки -д.Медведково</t>
  </si>
  <si>
    <t>д.Медведково-д.Бураши</t>
  </si>
  <si>
    <t>д.Дуброво-д.Самарино</t>
  </si>
  <si>
    <t>д.Иванцево -д.Минтихи- д.Ботвино</t>
  </si>
  <si>
    <t>Лесное Варегово(через Синьково)</t>
  </si>
  <si>
    <t>"Подъезд к д. Муравьёво с примыканием к автодороге с.Андреевское-д.Муравьёво"</t>
  </si>
  <si>
    <t>д.Митино-д.Кадино</t>
  </si>
  <si>
    <t>Участок автодороги "с. Шельшедом - д. Михальцево" с примыканием к автодороге д. Рублево - с. Варегово"</t>
  </si>
  <si>
    <t>с.Благовещенье-кладбище</t>
  </si>
  <si>
    <t>д.Парушкино-д.Чижово</t>
  </si>
  <si>
    <t>с.Андреевское -д.Бабаево</t>
  </si>
  <si>
    <t>д.Тихоново-д.Синьково</t>
  </si>
  <si>
    <t>д.Большое Лопатино-д.Кондратово</t>
  </si>
  <si>
    <t>д.Большое Муравьево-д.Никульское</t>
  </si>
  <si>
    <t>д.Каплино-д.Подольское</t>
  </si>
  <si>
    <t>д.Савинское-д.Вандышево</t>
  </si>
  <si>
    <t>д.Борисовское-д.Холкино</t>
  </si>
  <si>
    <t>д. Новое Гостилово-д.Чумжино</t>
  </si>
  <si>
    <t>д.Климово-д.Ваулово</t>
  </si>
  <si>
    <t>д.Абашево-д.Нерезово</t>
  </si>
  <si>
    <t>д.Будаково-д.Ширяево</t>
  </si>
  <si>
    <t>д.Лыткино-д.Угленское</t>
  </si>
  <si>
    <t>д.Чудиново-д.Митенино</t>
  </si>
  <si>
    <t>д.Петровское-д.Марково</t>
  </si>
  <si>
    <t>д.Петраково-д.Фоминское</t>
  </si>
  <si>
    <t>д.Петраково-д.Ваганово</t>
  </si>
  <si>
    <t>д.Ёлохово-д.Басалаево</t>
  </si>
  <si>
    <t>"Подъезд к с. Шельшедом с примыканием к автодороге д. Рублёво - с. Варегово"</t>
  </si>
  <si>
    <t>д. Рыгайцево-с. Герцено</t>
  </si>
  <si>
    <t>д. Аферово-д. Малечкино</t>
  </si>
  <si>
    <t>д. Афанасово-д. Симоново</t>
  </si>
  <si>
    <t>"Большое Село-Волыново-Щукино"-д.Бекичево</t>
  </si>
  <si>
    <t>"д. Андреево-д. Тяжино"-д.Тупайцево</t>
  </si>
  <si>
    <t>"Большое Село-Волыново-Щукино"-д.Починки</t>
  </si>
  <si>
    <t>с. Большое Село-г. Рыбинск"-д. Власово</t>
  </si>
  <si>
    <t>с. Большое Село-г. Рыбинск"-д. Вычесово</t>
  </si>
  <si>
    <t>"д. Варегово-д. Федорково"-д. Бревино</t>
  </si>
  <si>
    <t>д. Бревино-д. Никифорцево</t>
  </si>
  <si>
    <t>д. Ботвино-д. Починки (автодорога Новое Село - Ботвино- Починки)</t>
  </si>
  <si>
    <t>с. Андреевское-Вареговские пруды</t>
  </si>
  <si>
    <t>д. Девницы-д.Дор (Подьезд к базе отдыха "Вторчермет")</t>
  </si>
  <si>
    <t>"Ярославль-Углич"-д. Борисово</t>
  </si>
  <si>
    <t>д. Лыткино-д.Ивановское</t>
  </si>
  <si>
    <t>д. Петровское-д. Митенино</t>
  </si>
  <si>
    <t>"Головково - Борисовское"</t>
  </si>
  <si>
    <t>щебеночная</t>
  </si>
  <si>
    <t>"д. Уткино-д. Филипцево"</t>
  </si>
  <si>
    <t>"Ярославль-Углич"-д.Новая</t>
  </si>
  <si>
    <t>"Ярославль-Углич"-д.Судаково</t>
  </si>
  <si>
    <t>"Большое Село-Волыново-Щукино"-д.Токариново</t>
  </si>
  <si>
    <t xml:space="preserve">Реестровый номер имущества, находящегося в муниципальной собственности </t>
  </si>
  <si>
    <t xml:space="preserve">Характеристика объекта(площадь, протяженность и др.) </t>
  </si>
  <si>
    <t>Сведения об ограничениях и обременениях правами третьих лиц</t>
  </si>
  <si>
    <t>Вид объекта, наименование, назначение, категория, вид, номер этажа (для нежилого помещения) и др.</t>
  </si>
  <si>
    <t>Земельные участки, Земли населённых пунктов, для ведения личного подсобного хозяйства</t>
  </si>
  <si>
    <t>Земельные участки, Земли населённых пунктов, для проведения учебно-производственной практики и обслуживания здания</t>
  </si>
  <si>
    <t>Земельные участки, Земли населённых пунктов,для обслуживания школы</t>
  </si>
  <si>
    <t xml:space="preserve">Земельные участки, Земли населённых пунктов, для обслуживания зданий </t>
  </si>
  <si>
    <t>Земельные участки, Земли населённых пунктов,для обслуживания производственной базы</t>
  </si>
  <si>
    <t xml:space="preserve">Земельные участки, Земли населённых пунктов,для обслуживания нежилого здания школы </t>
  </si>
  <si>
    <t>Земельные участки, Земли населённых пунктов, для обслуживания нежилого здания</t>
  </si>
  <si>
    <t>Земельные участки, Земли населённых пунктов, для ведения приусадебного хозяйства</t>
  </si>
  <si>
    <t>Земельные участки, Земли населённых пунктов, для беспрепятственного использования и обслуживания здания</t>
  </si>
  <si>
    <t>Земельные участки, Земли населённых пунктов, для строительства детского сада</t>
  </si>
  <si>
    <t xml:space="preserve">Земельные участки, Земли населённых пунктов, для строительства детского сада </t>
  </si>
  <si>
    <t>Земельные участки, Земли населённых пунктов, для обслуживания нежилого здания (административное)</t>
  </si>
  <si>
    <t>Земельные участки, Земли населённых пунктов, для обслуживания производственной базы</t>
  </si>
  <si>
    <t>Земельные участки, Земли населённых пунктов, для обслуживания гаражей</t>
  </si>
  <si>
    <t>Земельные участки, Земли сельскохозяйственного назначения, для ведения личного подсобного хозяйства</t>
  </si>
  <si>
    <t>Земельные участки, Земли сельскохозяйственного назначения, под автомобильную дорогу «д. Митино-д. Кадино»</t>
  </si>
  <si>
    <t>Земельные участки, Земли сельскохозяйственного назначения, под автомобильную дорогу «Большое село-Волыново-Щукино»-д. Федорково</t>
  </si>
  <si>
    <t>Земельные участки, Земли сельскохозяйственного назначения, под автодорогу</t>
  </si>
  <si>
    <t>Земельные участки, Земли сельскохозяйственного назначения, под автомобильную дорогу «Подъезд к д. Васино с примыканием к автодороге «Большое село-Волыново-Щукино»</t>
  </si>
  <si>
    <t>Земельные участки, Земли сельскохозяйственного назначения, под автомобильную дорогу «с. Шельшедом-д. Михальцево»</t>
  </si>
  <si>
    <t>76:01:000000:2508</t>
  </si>
  <si>
    <t>Инженерная инфраструктура, Полигон твердых бытовых отходов (ТБО) "Николаевское (Полигон), Иное сооружение (Полигон твердых бытовых отходов (ТБО) "Николаевское")</t>
  </si>
  <si>
    <t>Площадь 19205,8 кв.м; объем 7200 куб.м.</t>
  </si>
  <si>
    <t>Ярославская область, Большесельский р-н, с. Большое Село, ул. 8 Марта, ул. Садовая, ул. Свободы, ул. 3-я Строителей, ул. Солнечная</t>
  </si>
  <si>
    <t>76:01:000000:2513</t>
  </si>
  <si>
    <t>Инженерная инфраструктура, Распределительный газопровод низкого давления  с. Большое Село, распределительный газопровод низкого давления</t>
  </si>
  <si>
    <t>76:01:010129:263</t>
  </si>
  <si>
    <t>76:01:010114:268</t>
  </si>
  <si>
    <t>76:01:000000:2512</t>
  </si>
  <si>
    <t>76:01:010109:259</t>
  </si>
  <si>
    <t>76:01:010134:148</t>
  </si>
  <si>
    <t>181</t>
  </si>
  <si>
    <t>180</t>
  </si>
  <si>
    <t>182</t>
  </si>
  <si>
    <t>184</t>
  </si>
  <si>
    <t>185</t>
  </si>
  <si>
    <t>Ярославская область, Большесельский р-н, с. Большое Село,  ул. 8 Марта, ул. Садовая, ул. Свободы, ул. 3-я Строителей, ул. Солнечная</t>
  </si>
  <si>
    <t>Ярославская область, Большесельский р-н, с. Большое Село, ул. Солнечная</t>
  </si>
  <si>
    <t>Инженерная инфраструктура, Распределительный газопровод низкого давления с. Большое Село, распределительный газопровод низкого давления</t>
  </si>
  <si>
    <t>Инженерная инфраструктура, Шахтный колодец (Шахтный колодец)</t>
  </si>
  <si>
    <t>Инженерная инфраструктура, Шахтный колодец в д. Никифорцево (Шахтный колодец)</t>
  </si>
  <si>
    <t>Инженерная инфраструктура, Шахтный колодец в д.Спирово (Шахтный колодец)</t>
  </si>
  <si>
    <t>Инженерная инфраструктура, Шахтный колодец д.Березино (Шахтный колодец)</t>
  </si>
  <si>
    <t>Инженерная инфраструктура, Шахтный колодец д.Борисовское (Шахтный колодец)</t>
  </si>
  <si>
    <t>Инженерная инфраструктура, Шахтный колодец д.Демидово (Шахтный колодец)</t>
  </si>
  <si>
    <t>Инженерная инфраструктура, Шахтный колодец д.Каюрово (Шахтный колодец)</t>
  </si>
  <si>
    <t>Инженерная инфраструктура, Шахтный колодец с.Благовещенье (Шахтный колодец)</t>
  </si>
  <si>
    <t>Инженерная инфраструктура, Тепловые сети</t>
  </si>
  <si>
    <t>Инженерная инфраструктура, Плотина</t>
  </si>
  <si>
    <t>Здания и помещения, Отдельностоящее (ул.Сурикова, 9 - 381,2кв.м.)</t>
  </si>
  <si>
    <t>Инженерная инфраструктура, Труба дымовая</t>
  </si>
  <si>
    <t>Инженерная инфраструктура, Скважина № 3030</t>
  </si>
  <si>
    <t>Инженерная инфраструктура, Водокачка</t>
  </si>
  <si>
    <t>Инженерная инфраструктура, Скважина</t>
  </si>
  <si>
    <t>Инженерная инфраструктура, Водопроводные сети</t>
  </si>
  <si>
    <t>Инженерная инфраструктура, Очистные сооружения</t>
  </si>
  <si>
    <t>Инженерная инфраструктура, Башня Рожновского 1 участок Варегово</t>
  </si>
  <si>
    <t>Инженерная инфраструктура, Ярославская область, Большесельский р-н, д. Миглино (газораспределительная сеть, в т.ч. газопровод и газовые ёмкости 3х4,2куб.м)</t>
  </si>
  <si>
    <t>Инженерная инфраструктура, Ярославская область, Большесельский р-н, д. Борисовское (газораспределительная сеть, в т.ч. газопровод  и газовые ёмкости 3х4,2куб.м)</t>
  </si>
  <si>
    <t>Инженерная инфраструктура, Ярославская область, Большесельский р-н, с. Дунилово, ул. Пионерская, д. 1, ул. Рабочая, д. 13 (газораспределительная сеть, в т.ч. газопровод  и газовые ёмкости 2х4,2куб.м)</t>
  </si>
  <si>
    <t>Инженерная инфраструктура, Ярославская область, Большесельский р-н, с. Дунилово, ул. Рабочая, д. 1, 3, 6, 10, 12, 14 (газораспределительная сеть, в т.ч. газопровод  и газовые ёмкости 2х4,2куб.м)</t>
  </si>
  <si>
    <t>помещения, нежилое помещение (ул.Челюскинцев, 4 - 132,5 кв.м.)</t>
  </si>
  <si>
    <t>Инженерная инфраструктура, "Межпоселковый газопровод высокого давления" с. Большое Село -с. Дунилово Бюольшесельского муниципального района Ярославской области</t>
  </si>
  <si>
    <t>Инженерная инфраструктура, Газопровод к котельной "Сельхозтехника"</t>
  </si>
  <si>
    <t>76:01:010101:3489</t>
  </si>
  <si>
    <t>Площадь 20,75 кв.м.</t>
  </si>
  <si>
    <t>Здания и помещения, Гаражный бокс, гаражный бокс № 10</t>
  </si>
  <si>
    <t>76:01:010101:3487, 76:01:010101:3488</t>
  </si>
  <si>
    <t xml:space="preserve">Площадь 72,4 кв.м </t>
  </si>
  <si>
    <t>Здания и помещения, Гаражный бокс, гаражные боксы № 8, № 9</t>
  </si>
  <si>
    <t>Здания и помещения, Квартира, жилое</t>
  </si>
  <si>
    <t xml:space="preserve">Здания и помещения, Нежилое помещение </t>
  </si>
  <si>
    <t>Здания и помещения, Нежилое помещение, нежилое (д/с)</t>
  </si>
  <si>
    <t>Здания и помещения, Нежилое помещение, нежилое (административное, д/с)</t>
  </si>
  <si>
    <t>Здания и помещения, Нежилое помещение, нежилое (школа)</t>
  </si>
  <si>
    <t>Здания и помещения, Нежилое помещение, нежилое (отделение социального обслуживания в специальном жилом доме для ветеранов)</t>
  </si>
  <si>
    <t>76:01:043001:121</t>
  </si>
  <si>
    <t>Здания и помещения, Отдельностоящее</t>
  </si>
  <si>
    <t>Здания и помещения, Отдельностоящее, нежилое (котельная)</t>
  </si>
  <si>
    <t>76:01:042801:495</t>
  </si>
  <si>
    <t>76:01:042801:473</t>
  </si>
  <si>
    <t>протяженность 1916,7 м</t>
  </si>
  <si>
    <t>Здания и помещения, Отдельностоящее, электрокотельная РЭС</t>
  </si>
  <si>
    <t>Ярославская область, Большесельский р-н, д. Игрищи, ул. Заводская, д.9а</t>
  </si>
  <si>
    <t>76:01:055001:141</t>
  </si>
  <si>
    <t>Здания и помещения, Отдельностоящее, нежилое (баня)</t>
  </si>
  <si>
    <t>Здания и помещения, Отдельностоящее, жилой дом</t>
  </si>
  <si>
    <t>Здания и помещения, Отдельностоящее, гараж</t>
  </si>
  <si>
    <t>Здания и помещения, Отдельностоящее, сарай</t>
  </si>
  <si>
    <t>Здания и помещения, Отдельностоящее, нежилое (школа)</t>
  </si>
  <si>
    <t>Здания и помещения, Отдельностоящее, нежилое (МДОУ Байковский детский сад)</t>
  </si>
  <si>
    <t>Здания и помещения, Отдельностоящее, нежилое (гарская начальная школа-детский сад)</t>
  </si>
  <si>
    <t>Здания и помещения, Отдельностоящее, нежилое (Бакунинская ООШ)</t>
  </si>
  <si>
    <t>Здания и помещения, Отдельностоящее, нежилое (баня-прачечная)</t>
  </si>
  <si>
    <t>76:01:010115:295</t>
  </si>
  <si>
    <t>Здания и помещения, Отдельностоящее, Нежилое (гараж)</t>
  </si>
  <si>
    <t>Ярославская область, Большесельский р-н, с. Большое Село, пл.Советская, д.9</t>
  </si>
  <si>
    <t>Здания и помещения, Отдельностоящее, нежилое (административное)</t>
  </si>
  <si>
    <t>Здания и помещения, Отдельностоящее нежилое (административное)</t>
  </si>
  <si>
    <t>Здания и помещения, Отдельностоящеенежилое (МОУ Гостиловская начальная школа-детский сад)</t>
  </si>
  <si>
    <t>Здания и помещения, Отдельностоящее нежилое (центральная котельная)</t>
  </si>
  <si>
    <t>Здания и помещения, Отдельностоящее, нежилое (электроотдел)</t>
  </si>
  <si>
    <t>Здания и помещения, Отдельностоящее, нежилое (Депо)</t>
  </si>
  <si>
    <t>Здания и помещения, Отдельностоящее, нежилое (кузница)</t>
  </si>
  <si>
    <t>Здания и помещения, Отдельностоящее, нежилое (социально-реабилитационное отделение)</t>
  </si>
  <si>
    <t>Здания и помещения, Отдельностоящее, нежилое (д/с)</t>
  </si>
  <si>
    <t>Здания и помещения, Отдельностоящее, нежилое (отделение временного проживания граждан пожилого возраста и инвалидов)</t>
  </si>
  <si>
    <t>Здания и помещения, Отдельностоящее нежилое (детский сад)</t>
  </si>
  <si>
    <t>Здания и помещения, Отдельностоящее, нежилое (церковь Петра и Павла)</t>
  </si>
  <si>
    <t>Здания и помещения, Отдельностоящее, нежилое (часовня церкви Петра и Павла)</t>
  </si>
  <si>
    <t>76:01:010101:398</t>
  </si>
  <si>
    <t>Площадь 19,9 кв.м</t>
  </si>
  <si>
    <t>Здания и помещения, Отдельностоящее, Нежилое (мазутное хозяйство)</t>
  </si>
  <si>
    <t>Здания и помещения, Отдельностоящее, нежилое (Большесельский центр детского творчества)</t>
  </si>
  <si>
    <t>Здания и помещения, Отдельностоящее, нежилое (просвирная при церкви Петра и Павла)</t>
  </si>
  <si>
    <t>Здания и помещения, Отдельностоящее, нежилое (чудиновская начальная школа-детский сад)</t>
  </si>
  <si>
    <t>Здания и помещения, Отдельностоящее, нежилое (кочегарка)</t>
  </si>
  <si>
    <t>Здания и помещения, Отдельностоящее, нежилое (гараж)</t>
  </si>
  <si>
    <t>Здания и помещения, Отдельностоящее, Нежилое (хлораторная)</t>
  </si>
  <si>
    <t>Здания и помещения, Отдельностоящее, Нежилое (мастерская</t>
  </si>
  <si>
    <t>Здания и помещения, Отдельностоящее, Нежилое (административное)</t>
  </si>
  <si>
    <t>Здания и помещения, Отдельностоящее, Нежилое (котельная, складское)</t>
  </si>
  <si>
    <t>Здания и помещения, Отдельностоящее, Нежилое (производственный цех, компрессорная)</t>
  </si>
  <si>
    <t>Здания и помещения, Отдельностоящее, Нежилое (складское)</t>
  </si>
  <si>
    <t>Здания и помещения, Отдельностоящее, Нежилое (трансформаторная)</t>
  </si>
  <si>
    <t>Здания и помещения, Отдельностоящее, Нежилое (мех.мастерская)</t>
  </si>
  <si>
    <t>Здания и помещения, Отдельностоящее, Нежилое (склад)</t>
  </si>
  <si>
    <t>Здания и помещения, Отдельностоящее, Нежилое (материальный склад)</t>
  </si>
  <si>
    <t>Здания и помещения, Отдельностоящее, нежилое (главный больничный корпус - стационарное отделение)</t>
  </si>
  <si>
    <t>Здания и помещения, Отдельностоящее, нежилое (контора вотчинная Шереметевых)</t>
  </si>
  <si>
    <t>Здания и помещения, Отдельностоящее, нежилое (богадельня)</t>
  </si>
  <si>
    <t>Здания и помещения, Отдельностоящее, нежилое (сарай)</t>
  </si>
  <si>
    <t>Здания и помещения, Отдельностоящее, нежилое (МОУ Дуниловская ООШ)</t>
  </si>
  <si>
    <t>76:01:010101:1442</t>
  </si>
  <si>
    <t>76:01:010101:1407</t>
  </si>
  <si>
    <t>Здания и помещения, Отдельностоящее, нежилое (дуниловский детский сад)</t>
  </si>
  <si>
    <t>76:01:010101:551</t>
  </si>
  <si>
    <t>Площадь 129,9 кв.м.</t>
  </si>
  <si>
    <t>Здания и помещения, Отдельностоящее, нежилое (Большесельский детский сад "Березка"</t>
  </si>
  <si>
    <t>Здания и помещения, Отдельностоящее, нежилое (Большесельская СОШ)</t>
  </si>
  <si>
    <t>Здания и помещения, Отдельностоящее, нежилое (мастерская)</t>
  </si>
  <si>
    <t>76:01:010101:210</t>
  </si>
  <si>
    <t>Здания и помещения, Отдельностоящее, пристройка к котельной</t>
  </si>
  <si>
    <t>Здания и помещения, Отдельностоящее, нежилое (центральная котельная)</t>
  </si>
  <si>
    <t>Протяженность 6649м</t>
  </si>
  <si>
    <t>76:01:065901:173</t>
  </si>
  <si>
    <t>Глубина 118м</t>
  </si>
  <si>
    <t>76:01:010101:940</t>
  </si>
  <si>
    <t>Протяженность 7360,5м</t>
  </si>
  <si>
    <t>Площадь 111,8 кв.м</t>
  </si>
  <si>
    <t>Площадь 7622,7 кв.м</t>
  </si>
  <si>
    <t>76:01:082201:410</t>
  </si>
  <si>
    <t>Протяженность 127м, объем 13 куб.м.</t>
  </si>
  <si>
    <t>76:01:042801:720</t>
  </si>
  <si>
    <t>Протяженность 181м, объем 13 куб.м.</t>
  </si>
  <si>
    <t>76:01:010202:127</t>
  </si>
  <si>
    <t>Протяженность 114м, объем 8 куб.м.</t>
  </si>
  <si>
    <t>76:01:000000:2523</t>
  </si>
  <si>
    <t>Протяженность 527м, объем 8 куб.м.</t>
  </si>
  <si>
    <t>76:01:010109:258</t>
  </si>
  <si>
    <t>Площадь 141,1кв.м.</t>
  </si>
  <si>
    <t>Ярославская область, Большесельский р-н, с. Большое Село, ул.Усыскина, д.23е</t>
  </si>
  <si>
    <t>76:01:071201:398</t>
  </si>
  <si>
    <t xml:space="preserve">Здания и помещения, Отдельностоящее </t>
  </si>
  <si>
    <t>протяженность 2179,1м</t>
  </si>
  <si>
    <t>76:01:082201:228</t>
  </si>
  <si>
    <t>протяженность 641м</t>
  </si>
  <si>
    <t>Здания и помещения, Отдельностоящее, нежилое (отделение временного проживания (гериатрическое)</t>
  </si>
  <si>
    <t>Здания и помещения, Отдельностоящее, Нежилое, детская музыкальная школа</t>
  </si>
  <si>
    <t>Здания и помещения, Отдельностоящее, нежилое (библиотека)</t>
  </si>
  <si>
    <t xml:space="preserve">помещения, нежилое помещение </t>
  </si>
  <si>
    <t>Здания и помещения, Отдельностоящее, нежилое (Дом культуры)</t>
  </si>
  <si>
    <t>76:01:010131:152</t>
  </si>
  <si>
    <t>76:01:010131:153</t>
  </si>
  <si>
    <t>Площадь 2104,6 кв.м</t>
  </si>
  <si>
    <t>Площадь  138,5 кв.м</t>
  </si>
  <si>
    <t>Здания и помещения, Отдельностоящее, нежилое</t>
  </si>
  <si>
    <t>Здания и помещения, Отдельностоящее, нежилое (МОУ вареговская средняя общеобразовательная школа)</t>
  </si>
  <si>
    <t>76:01:030901:144</t>
  </si>
  <si>
    <t>Здания и помещения, Отдельностоящее, нежилое (учебно-образовательного назначения и дошкольного воспитания (школа)</t>
  </si>
  <si>
    <t xml:space="preserve">Земельные участки, Земли населённых пунктов, для обслуживания твердых бытовых отходов (ТБО) «Николаевское» </t>
  </si>
  <si>
    <t>Земельные участки, Земли населённых пунктов, для обслуживания твердых бытовых отходов (ТБО) «Николаевское»</t>
  </si>
  <si>
    <t>Здания и помещения, Нежилое помещение, нежилое</t>
  </si>
  <si>
    <t>76:01:000000:2511</t>
  </si>
  <si>
    <t>Земельные участки, Земли населенных пунктов, для обслуживания нежилых зданий</t>
  </si>
  <si>
    <t>Земельные участки, Земли населенных пунктов, для обслуживания нежилого здания (административное)</t>
  </si>
  <si>
    <t>Земельные участки, Земли населенных пунктов,  для ведения личного подсобного хозяйства</t>
  </si>
  <si>
    <t>Земельные участки, Земли населенных пунктов, для ведения приусадебного хозяйства</t>
  </si>
  <si>
    <t>Земельные участки, Земли сельскохозяйственного назначения, под автомобильную дорогу «Большое Село-Волыново-Щукино» - д. Козлово – д. Пустынь»</t>
  </si>
  <si>
    <t>Земельные участки, Земли населенных пунктов, для обслуживания нежилого здания</t>
  </si>
  <si>
    <t>Земельные участки, Земли населенных пунктов, для обслуживания здания</t>
  </si>
  <si>
    <t>Земельные участки, Земли населенных пунктов, для ведения личного подсобного хозяйства</t>
  </si>
  <si>
    <t>Земельные участки, Земли населенных пунктов для обслуживания здания (отделение дневного пребывания)</t>
  </si>
  <si>
    <t>Земельные участки, Земли населенных пунктов, для индивидуального жилищного строительства</t>
  </si>
  <si>
    <t>Земельные участки, Земли населенных пунктов, для обслуживания нежилого здания, отделения временного проживания граждан пожилого возраста и инвалидов</t>
  </si>
  <si>
    <t>Земельные участки, Земли  сельскохозяйственного назначения, для сельскохозяйственного производства (1 группа)</t>
  </si>
  <si>
    <t>Земельные участки, Земли  сельскохозяйственного назначения для сельскохозяйственного производства (1 группа)</t>
  </si>
  <si>
    <t>Земельные участки, Земли населенных пунктов, для обслуживания здания д/с «Березка»</t>
  </si>
  <si>
    <t>Земельные участки, Земли населенных пунктов, для строительства пристройки к Муниципальному дошкольному образовательному учреждению – д/с «Березка»</t>
  </si>
  <si>
    <t>Земельные участки, Земли населенных пунктов, для обслуживания здания Дуниловской основной школы</t>
  </si>
  <si>
    <t>Земельные участки, Земли населенных пунктов, для обслуживания здания Дуниловского детского сада</t>
  </si>
  <si>
    <t>Земельные участки, Земли населенных пунктов, для обслуживания здания Гарской начальной школы – детский сад</t>
  </si>
  <si>
    <t>Земельные участки, Земли населенных пунктов, для обслуживания здания школы</t>
  </si>
  <si>
    <t>Земельные участки, Земли населенных пунктов, под обслуживание детского садика</t>
  </si>
  <si>
    <t>Земельные участки, Земли населенных пунктов, для иных целей – обслуживание Детского сада</t>
  </si>
  <si>
    <t>Земельные участки, Земли населенных пунктов, для иных целей – обслуживание д/с «Ромашка»</t>
  </si>
  <si>
    <t>Земельные участки, Земли населенных пунктов, для обслуживания здания Благовещенской средней школы</t>
  </si>
  <si>
    <t>Земельные участки, Земли населенных пунктов, для обслуживания школы</t>
  </si>
  <si>
    <t>Земельные участки, Земли населенных пунктов, для обслуживания Бакунинской школы</t>
  </si>
  <si>
    <t>Земельные участки, Земли населенных пунктов, для обслуживания нежилого здания (котельная)</t>
  </si>
  <si>
    <t>Земельные участки, Земли населенных пунктов, для обслуживания здания «Центральная котельная»</t>
  </si>
  <si>
    <t>Земельные участки, Земли населенных пунктов, для ИЖС</t>
  </si>
  <si>
    <t>Земельные участки, Земли населенных пунктов, для эксплуатации нежилого здания</t>
  </si>
  <si>
    <t>76:01:010212:20</t>
  </si>
  <si>
    <t>Здания и помещения, Отдельностоящее, автоматизированная газоваая котельная</t>
  </si>
  <si>
    <t>Земельные участки, Земли населенных пунктов, для обслуживания нежилого здания (гараж)</t>
  </si>
  <si>
    <t>Земельные участки, Земли сельскохолзяйственного назначения, Для обслуживания автомобильной дороги «Головково-Борисовское»</t>
  </si>
  <si>
    <t>Земельные участки, Земли сельскохолзяйственного назначения, Для обслуживания автомобильной дороги «Рыбинск-Большое Село-д. Демидово»</t>
  </si>
  <si>
    <t>Земельные участки, Земли сельскохолзяйственного назначения, Для обслуживания автомобильной дороги «Ярославль-Углич»-д. Матренино</t>
  </si>
  <si>
    <t>Земельные участки, Земли населенных пунктов, для строительства модульной газовой котельной</t>
  </si>
  <si>
    <t>76:01:000000:2548</t>
  </si>
  <si>
    <t>Земельные участки, Земли населенных пунктов, Аптеки, больницы и поликлиники, травмопункты, центры медицинской консультаций и психологической реабилитации населения</t>
  </si>
  <si>
    <t>Земельные участки, Земли населенных пунктов, для строительства детского сада с инженерными коммуникациями</t>
  </si>
  <si>
    <t>Земельные участки, Земли населенных пунктов, для обслуживания котельной</t>
  </si>
  <si>
    <t>Ярославская область, Большесельский р-н, с. Большое Село, ул. Усыскина, д. 23</t>
  </si>
  <si>
    <t>76:01:010101:445</t>
  </si>
  <si>
    <t>Площадь 242,1 кв.м</t>
  </si>
  <si>
    <t>Оперативное управление c 18.03.2019- Муниципальное  учреждение "Комплексный центр социального обслуживания населения"</t>
  </si>
</sst>
</file>

<file path=xl/styles.xml><?xml version="1.0" encoding="utf-8"?>
<styleSheet xmlns="http://schemas.openxmlformats.org/spreadsheetml/2006/main">
  <numFmts count="1">
    <numFmt numFmtId="164" formatCode="0.000"/>
  </numFmts>
  <fonts count="19">
    <font>
      <sz val="11"/>
      <color theme="1"/>
      <name val="Calibri"/>
      <family val="2"/>
      <charset val="204"/>
      <scheme val="minor"/>
    </font>
    <font>
      <sz val="12"/>
      <name val="Times New Roman"/>
      <family val="1"/>
      <charset val="204"/>
    </font>
    <font>
      <sz val="8"/>
      <name val="Arial"/>
      <family val="2"/>
      <charset val="204"/>
    </font>
    <font>
      <sz val="12"/>
      <name val="Arial"/>
      <family val="1"/>
      <charset val="1"/>
    </font>
    <font>
      <sz val="8"/>
      <name val="Arial"/>
      <family val="2"/>
    </font>
    <font>
      <sz val="12"/>
      <name val="Book Antiqua"/>
      <family val="1"/>
      <charset val="204"/>
    </font>
    <font>
      <sz val="10"/>
      <name val="Arial Cyr"/>
      <charset val="204"/>
    </font>
    <font>
      <strike/>
      <sz val="12"/>
      <name val="Times New Roman"/>
      <family val="1"/>
      <charset val="204"/>
    </font>
    <font>
      <sz val="9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9"/>
      <name val="Times New Roman"/>
      <family val="1"/>
      <charset val="204"/>
    </font>
    <font>
      <b/>
      <sz val="10"/>
      <name val="Times New Roman"/>
      <family val="1"/>
      <charset val="204"/>
    </font>
    <font>
      <sz val="10"/>
      <name val="Times New Roman"/>
      <family val="1"/>
      <charset val="204"/>
    </font>
    <font>
      <sz val="11"/>
      <name val="Times New Roman"/>
      <family val="1"/>
      <charset val="204"/>
    </font>
    <font>
      <sz val="12"/>
      <name val="Calibri"/>
      <family val="2"/>
      <charset val="204"/>
    </font>
    <font>
      <sz val="11"/>
      <name val="Calibri"/>
      <family val="2"/>
      <charset val="204"/>
      <scheme val="minor"/>
    </font>
    <font>
      <sz val="9"/>
      <color theme="1"/>
      <name val="Calibri"/>
      <family val="2"/>
      <charset val="204"/>
      <scheme val="minor"/>
    </font>
    <font>
      <sz val="12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8">
    <xf numFmtId="0" fontId="0" fillId="0" borderId="0"/>
    <xf numFmtId="0" fontId="2" fillId="0" borderId="0"/>
    <xf numFmtId="0" fontId="4" fillId="0" borderId="0"/>
    <xf numFmtId="0" fontId="4" fillId="0" borderId="0"/>
    <xf numFmtId="0" fontId="6" fillId="0" borderId="0"/>
    <xf numFmtId="0" fontId="4" fillId="0" borderId="0"/>
    <xf numFmtId="0" fontId="4" fillId="0" borderId="0"/>
    <xf numFmtId="9" fontId="6" fillId="0" borderId="0" applyFont="0" applyFill="0" applyBorder="0" applyAlignment="0" applyProtection="0"/>
  </cellStyleXfs>
  <cellXfs count="96">
    <xf numFmtId="0" fontId="0" fillId="0" borderId="0" xfId="0"/>
    <xf numFmtId="0" fontId="1" fillId="0" borderId="1" xfId="0" applyFont="1" applyBorder="1" applyAlignment="1">
      <alignment horizontal="left" vertical="top" wrapText="1"/>
    </xf>
    <xf numFmtId="0" fontId="1" fillId="0" borderId="1" xfId="0" applyNumberFormat="1" applyFont="1" applyFill="1" applyBorder="1" applyAlignment="1">
      <alignment vertical="top" wrapText="1"/>
    </xf>
    <xf numFmtId="0" fontId="8" fillId="0" borderId="8" xfId="0" applyFont="1" applyFill="1" applyBorder="1" applyAlignment="1">
      <alignment horizontal="left" vertical="top" wrapText="1"/>
    </xf>
    <xf numFmtId="0" fontId="1" fillId="0" borderId="1" xfId="0" applyFont="1" applyBorder="1" applyAlignment="1">
      <alignment horizontal="center" vertical="top" wrapText="1"/>
    </xf>
    <xf numFmtId="0" fontId="1" fillId="0" borderId="1" xfId="0" applyFont="1" applyBorder="1" applyAlignment="1">
      <alignment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top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1" xfId="0" applyFont="1" applyFill="1" applyBorder="1" applyAlignment="1">
      <alignment vertical="top" wrapText="1"/>
    </xf>
    <xf numFmtId="0" fontId="1" fillId="0" borderId="1" xfId="0" applyFont="1" applyFill="1" applyBorder="1" applyAlignment="1">
      <alignment horizontal="left" vertical="top" wrapText="1"/>
    </xf>
    <xf numFmtId="0" fontId="8" fillId="0" borderId="1" xfId="0" applyFont="1" applyFill="1" applyBorder="1" applyAlignment="1">
      <alignment horizontal="left" vertical="top" wrapText="1"/>
    </xf>
    <xf numFmtId="0" fontId="1" fillId="0" borderId="1" xfId="0" applyFont="1" applyFill="1" applyBorder="1" applyAlignment="1">
      <alignment horizontal="right" vertical="top" wrapText="1"/>
    </xf>
    <xf numFmtId="0" fontId="1" fillId="0" borderId="1" xfId="0" applyFont="1" applyFill="1" applyBorder="1" applyAlignment="1">
      <alignment wrapText="1"/>
    </xf>
    <xf numFmtId="0" fontId="1" fillId="0" borderId="4" xfId="0" applyFont="1" applyFill="1" applyBorder="1" applyAlignment="1">
      <alignment vertical="top" wrapText="1"/>
    </xf>
    <xf numFmtId="0" fontId="1" fillId="0" borderId="2" xfId="0" applyFont="1" applyFill="1" applyBorder="1" applyAlignment="1">
      <alignment vertical="top" wrapText="1"/>
    </xf>
    <xf numFmtId="0" fontId="1" fillId="0" borderId="1" xfId="0" applyFont="1" applyFill="1" applyBorder="1" applyAlignment="1">
      <alignment vertical="top"/>
    </xf>
    <xf numFmtId="0" fontId="1" fillId="0" borderId="0" xfId="0" applyFont="1" applyFill="1" applyAlignment="1">
      <alignment vertical="top" wrapText="1"/>
    </xf>
    <xf numFmtId="0" fontId="1" fillId="0" borderId="2" xfId="0" applyFont="1" applyFill="1" applyBorder="1" applyAlignment="1">
      <alignment horizontal="left" vertical="top" wrapText="1"/>
    </xf>
    <xf numFmtId="0" fontId="1" fillId="0" borderId="0" xfId="0" applyFont="1" applyFill="1" applyAlignment="1">
      <alignment vertical="top"/>
    </xf>
    <xf numFmtId="0" fontId="1" fillId="0" borderId="1" xfId="0" applyNumberFormat="1" applyFont="1" applyFill="1" applyBorder="1" applyAlignment="1">
      <alignment horizontal="left" vertical="top" wrapText="1"/>
    </xf>
    <xf numFmtId="0" fontId="1" fillId="0" borderId="2" xfId="0" applyNumberFormat="1" applyFont="1" applyFill="1" applyBorder="1" applyAlignment="1">
      <alignment vertical="top" wrapText="1"/>
    </xf>
    <xf numFmtId="0" fontId="1" fillId="0" borderId="1" xfId="1" applyNumberFormat="1" applyFont="1" applyFill="1" applyBorder="1" applyAlignment="1">
      <alignment horizontal="left" vertical="top" wrapText="1"/>
    </xf>
    <xf numFmtId="0" fontId="1" fillId="0" borderId="4" xfId="0" applyFont="1" applyFill="1" applyBorder="1" applyAlignment="1">
      <alignment horizontal="left" vertical="top" wrapText="1"/>
    </xf>
    <xf numFmtId="0" fontId="1" fillId="0" borderId="4" xfId="0" applyFont="1" applyFill="1" applyBorder="1" applyAlignment="1">
      <alignment vertical="top"/>
    </xf>
    <xf numFmtId="0" fontId="1" fillId="0" borderId="3" xfId="0" applyFont="1" applyFill="1" applyBorder="1" applyAlignment="1">
      <alignment vertical="top" wrapText="1"/>
    </xf>
    <xf numFmtId="0" fontId="1" fillId="0" borderId="3" xfId="0" applyFont="1" applyFill="1" applyBorder="1" applyAlignment="1">
      <alignment horizontal="left" vertical="top" wrapText="1"/>
    </xf>
    <xf numFmtId="0" fontId="11" fillId="0" borderId="0" xfId="0" applyFont="1" applyFill="1" applyAlignment="1">
      <alignment vertical="top" wrapText="1"/>
    </xf>
    <xf numFmtId="0" fontId="11" fillId="0" borderId="1" xfId="0" applyFont="1" applyFill="1" applyBorder="1" applyAlignment="1">
      <alignment vertical="top" wrapText="1"/>
    </xf>
    <xf numFmtId="0" fontId="1" fillId="0" borderId="6" xfId="0" applyFont="1" applyFill="1" applyBorder="1" applyAlignment="1">
      <alignment vertical="top" wrapText="1"/>
    </xf>
    <xf numFmtId="0" fontId="1" fillId="0" borderId="7" xfId="0" applyFont="1" applyFill="1" applyBorder="1" applyAlignment="1">
      <alignment vertical="top" wrapText="1"/>
    </xf>
    <xf numFmtId="0" fontId="7" fillId="0" borderId="1" xfId="0" applyFont="1" applyFill="1" applyBorder="1" applyAlignment="1">
      <alignment vertical="top" wrapText="1"/>
    </xf>
    <xf numFmtId="0" fontId="1" fillId="0" borderId="2" xfId="0" applyFont="1" applyFill="1" applyBorder="1" applyAlignment="1">
      <alignment vertical="top"/>
    </xf>
    <xf numFmtId="0" fontId="1" fillId="0" borderId="0" xfId="0" applyFont="1" applyFill="1" applyAlignment="1">
      <alignment horizontal="left" vertical="top" wrapText="1"/>
    </xf>
    <xf numFmtId="0" fontId="1" fillId="0" borderId="5" xfId="0" applyFont="1" applyFill="1" applyBorder="1" applyAlignment="1">
      <alignment horizontal="left" vertical="top" wrapText="1"/>
    </xf>
    <xf numFmtId="0" fontId="8" fillId="0" borderId="1" xfId="0" applyNumberFormat="1" applyFont="1" applyFill="1" applyBorder="1" applyAlignment="1">
      <alignment horizontal="left" vertical="top" wrapText="1"/>
    </xf>
    <xf numFmtId="0" fontId="1" fillId="0" borderId="0" xfId="0" applyFont="1" applyFill="1" applyAlignment="1">
      <alignment horizontal="left" vertical="top"/>
    </xf>
    <xf numFmtId="0" fontId="1" fillId="0" borderId="5" xfId="0" applyFont="1" applyFill="1" applyBorder="1" applyAlignment="1">
      <alignment vertical="top" wrapText="1"/>
    </xf>
    <xf numFmtId="0" fontId="1" fillId="0" borderId="9" xfId="0" applyFont="1" applyFill="1" applyBorder="1" applyAlignment="1">
      <alignment vertical="top" wrapText="1"/>
    </xf>
    <xf numFmtId="0" fontId="1" fillId="0" borderId="1" xfId="0" applyFont="1" applyFill="1" applyBorder="1" applyAlignment="1">
      <alignment horizontal="justify" vertical="top" wrapText="1"/>
    </xf>
    <xf numFmtId="0" fontId="1" fillId="0" borderId="4" xfId="0" applyFont="1" applyFill="1" applyBorder="1" applyAlignment="1">
      <alignment horizontal="justify" vertical="top" wrapText="1"/>
    </xf>
    <xf numFmtId="0" fontId="13" fillId="0" borderId="1" xfId="0" applyFont="1" applyFill="1" applyBorder="1" applyAlignment="1">
      <alignment vertical="top"/>
    </xf>
    <xf numFmtId="0" fontId="1" fillId="0" borderId="7" xfId="0" applyFont="1" applyFill="1" applyBorder="1" applyAlignment="1">
      <alignment vertical="top"/>
    </xf>
    <xf numFmtId="0" fontId="13" fillId="0" borderId="1" xfId="0" applyFont="1" applyFill="1" applyBorder="1" applyAlignment="1">
      <alignment vertical="top" wrapText="1"/>
    </xf>
    <xf numFmtId="0" fontId="1" fillId="0" borderId="1" xfId="2" applyNumberFormat="1" applyFont="1" applyFill="1" applyBorder="1" applyAlignment="1">
      <alignment horizontal="left" vertical="top" wrapText="1"/>
    </xf>
    <xf numFmtId="0" fontId="1" fillId="0" borderId="1" xfId="3" applyNumberFormat="1" applyFont="1" applyFill="1" applyBorder="1" applyAlignment="1">
      <alignment horizontal="left" vertical="top" wrapText="1"/>
    </xf>
    <xf numFmtId="0" fontId="5" fillId="0" borderId="1" xfId="0" applyFont="1" applyFill="1" applyBorder="1" applyAlignment="1">
      <alignment horizontal="left" vertical="top" wrapText="1"/>
    </xf>
    <xf numFmtId="0" fontId="7" fillId="0" borderId="1" xfId="2" applyNumberFormat="1" applyFont="1" applyFill="1" applyBorder="1" applyAlignment="1">
      <alignment horizontal="left" vertical="top" wrapText="1"/>
    </xf>
    <xf numFmtId="0" fontId="1" fillId="0" borderId="3" xfId="0" applyFont="1" applyFill="1" applyBorder="1" applyAlignment="1">
      <alignment vertical="top"/>
    </xf>
    <xf numFmtId="0" fontId="1" fillId="0" borderId="4" xfId="2" applyNumberFormat="1" applyFont="1" applyFill="1" applyBorder="1" applyAlignment="1">
      <alignment horizontal="left" vertical="top" wrapText="1"/>
    </xf>
    <xf numFmtId="0" fontId="7" fillId="0" borderId="1" xfId="0" applyFont="1" applyFill="1" applyBorder="1" applyAlignment="1">
      <alignment horizontal="left" vertical="top" wrapText="1"/>
    </xf>
    <xf numFmtId="0" fontId="1" fillId="0" borderId="1" xfId="4" applyFont="1" applyFill="1" applyBorder="1" applyAlignment="1">
      <alignment horizontal="left" vertical="top" wrapText="1"/>
    </xf>
    <xf numFmtId="0" fontId="1" fillId="0" borderId="1" xfId="4" applyFont="1" applyFill="1" applyBorder="1" applyAlignment="1">
      <alignment vertical="top" wrapText="1"/>
    </xf>
    <xf numFmtId="0" fontId="1" fillId="0" borderId="1" xfId="5" applyNumberFormat="1" applyFont="1" applyFill="1" applyBorder="1" applyAlignment="1">
      <alignment horizontal="left" vertical="top" wrapText="1"/>
    </xf>
    <xf numFmtId="0" fontId="1" fillId="0" borderId="1" xfId="6" applyNumberFormat="1" applyFont="1" applyFill="1" applyBorder="1" applyAlignment="1">
      <alignment horizontal="left" vertical="top" wrapText="1"/>
    </xf>
    <xf numFmtId="0" fontId="1" fillId="0" borderId="2" xfId="4" applyFont="1" applyFill="1" applyBorder="1" applyAlignment="1">
      <alignment vertical="top" wrapText="1"/>
    </xf>
    <xf numFmtId="0" fontId="1" fillId="0" borderId="2" xfId="4" applyFont="1" applyFill="1" applyBorder="1" applyAlignment="1">
      <alignment horizontal="left" vertical="top" wrapText="1"/>
    </xf>
    <xf numFmtId="9" fontId="1" fillId="0" borderId="1" xfId="7" applyFont="1" applyFill="1" applyBorder="1" applyAlignment="1">
      <alignment vertical="top" wrapText="1"/>
    </xf>
    <xf numFmtId="0" fontId="1" fillId="0" borderId="4" xfId="4" applyFont="1" applyFill="1" applyBorder="1" applyAlignment="1">
      <alignment vertical="top" wrapText="1"/>
    </xf>
    <xf numFmtId="0" fontId="1" fillId="0" borderId="3" xfId="0" applyFont="1" applyFill="1" applyBorder="1" applyAlignment="1">
      <alignment horizontal="justify" vertical="top" wrapText="1"/>
    </xf>
    <xf numFmtId="0" fontId="15" fillId="0" borderId="0" xfId="0" applyFont="1" applyFill="1"/>
    <xf numFmtId="0" fontId="10" fillId="0" borderId="1" xfId="0" applyFont="1" applyFill="1" applyBorder="1" applyAlignment="1">
      <alignment horizontal="center" vertical="top" wrapText="1"/>
    </xf>
    <xf numFmtId="0" fontId="0" fillId="0" borderId="0" xfId="0" applyAlignment="1"/>
    <xf numFmtId="0" fontId="8" fillId="0" borderId="1" xfId="0" applyFont="1" applyFill="1" applyBorder="1" applyAlignment="1">
      <alignment horizontal="center" vertical="top" wrapText="1"/>
    </xf>
    <xf numFmtId="0" fontId="8" fillId="0" borderId="1" xfId="0" applyFont="1" applyFill="1" applyBorder="1" applyAlignment="1">
      <alignment vertical="top" wrapText="1"/>
    </xf>
    <xf numFmtId="0" fontId="16" fillId="0" borderId="0" xfId="0" applyFont="1"/>
    <xf numFmtId="0" fontId="18" fillId="0" borderId="1" xfId="0" applyNumberFormat="1" applyFont="1" applyBorder="1" applyAlignment="1">
      <alignment horizontal="center" vertical="top" wrapText="1"/>
    </xf>
    <xf numFmtId="0" fontId="18" fillId="0" borderId="1" xfId="0" applyFont="1" applyBorder="1" applyAlignment="1">
      <alignment horizontal="center" vertical="top" wrapText="1"/>
    </xf>
    <xf numFmtId="0" fontId="15" fillId="0" borderId="0" xfId="0" applyNumberFormat="1" applyFont="1" applyAlignment="1">
      <alignment vertical="top" wrapText="1"/>
    </xf>
    <xf numFmtId="0" fontId="15" fillId="0" borderId="0" xfId="0" applyFont="1" applyAlignment="1">
      <alignment vertical="top" wrapText="1"/>
    </xf>
    <xf numFmtId="0" fontId="1" fillId="0" borderId="1" xfId="0" applyFont="1" applyBorder="1" applyAlignment="1">
      <alignment horizontal="left" vertical="top"/>
    </xf>
    <xf numFmtId="0" fontId="1" fillId="0" borderId="1" xfId="0" applyFont="1" applyBorder="1" applyAlignment="1">
      <alignment horizontal="center" vertical="top"/>
    </xf>
    <xf numFmtId="2" fontId="1" fillId="0" borderId="1" xfId="0" applyNumberFormat="1" applyFont="1" applyBorder="1" applyAlignment="1">
      <alignment horizontal="center" vertical="top"/>
    </xf>
    <xf numFmtId="0" fontId="1" fillId="0" borderId="1" xfId="0" applyFont="1" applyBorder="1" applyAlignment="1" applyProtection="1">
      <alignment horizontal="left" vertical="top"/>
      <protection locked="0"/>
    </xf>
    <xf numFmtId="2" fontId="1" fillId="0" borderId="1" xfId="0" applyNumberFormat="1" applyFont="1" applyBorder="1" applyAlignment="1" applyProtection="1">
      <alignment horizontal="center" vertical="top"/>
      <protection locked="0"/>
    </xf>
    <xf numFmtId="0" fontId="1" fillId="0" borderId="1" xfId="0" applyFont="1" applyBorder="1" applyAlignment="1" applyProtection="1">
      <alignment horizontal="left" vertical="top" wrapText="1"/>
      <protection locked="0"/>
    </xf>
    <xf numFmtId="2" fontId="1" fillId="0" borderId="0" xfId="0" applyNumberFormat="1" applyFont="1" applyAlignment="1">
      <alignment vertical="top"/>
    </xf>
    <xf numFmtId="164" fontId="1" fillId="0" borderId="1" xfId="0" applyNumberFormat="1" applyFont="1" applyBorder="1" applyAlignment="1" applyProtection="1">
      <alignment horizontal="center" vertical="top"/>
      <protection locked="0"/>
    </xf>
    <xf numFmtId="164" fontId="1" fillId="0" borderId="1" xfId="0" applyNumberFormat="1" applyFont="1" applyBorder="1" applyAlignment="1">
      <alignment horizontal="center" vertical="top"/>
    </xf>
    <xf numFmtId="0" fontId="15" fillId="0" borderId="1" xfId="0" applyNumberFormat="1" applyFont="1" applyFill="1" applyBorder="1" applyAlignment="1">
      <alignment vertical="top" wrapText="1"/>
    </xf>
    <xf numFmtId="0" fontId="15" fillId="0" borderId="1" xfId="0" applyNumberFormat="1" applyFont="1" applyFill="1" applyBorder="1" applyAlignment="1">
      <alignment horizontal="center" vertical="center" wrapText="1"/>
    </xf>
    <xf numFmtId="49" fontId="15" fillId="0" borderId="1" xfId="0" applyNumberFormat="1" applyFont="1" applyFill="1" applyBorder="1" applyAlignment="1">
      <alignment vertical="top" wrapText="1"/>
    </xf>
    <xf numFmtId="0" fontId="0" fillId="0" borderId="0" xfId="0" applyFill="1"/>
    <xf numFmtId="0" fontId="14" fillId="0" borderId="1" xfId="0" applyFont="1" applyFill="1" applyBorder="1" applyAlignment="1">
      <alignment horizontal="left" vertical="top" wrapText="1"/>
    </xf>
    <xf numFmtId="0" fontId="17" fillId="0" borderId="1" xfId="0" applyFont="1" applyFill="1" applyBorder="1" applyAlignment="1">
      <alignment horizontal="left" vertical="top" wrapText="1"/>
    </xf>
    <xf numFmtId="0" fontId="15" fillId="0" borderId="1" xfId="0" applyFont="1" applyFill="1" applyBorder="1" applyAlignment="1">
      <alignment vertical="top" wrapText="1"/>
    </xf>
    <xf numFmtId="0" fontId="15" fillId="0" borderId="1" xfId="0" applyFont="1" applyFill="1" applyBorder="1" applyAlignment="1">
      <alignment horizontal="left" vertical="top" wrapText="1"/>
    </xf>
    <xf numFmtId="2" fontId="15" fillId="0" borderId="0" xfId="0" applyNumberFormat="1" applyFont="1" applyFill="1" applyBorder="1" applyAlignment="1">
      <alignment vertical="top" wrapText="1"/>
    </xf>
    <xf numFmtId="0" fontId="1" fillId="0" borderId="4" xfId="0" applyFont="1" applyBorder="1" applyAlignment="1">
      <alignment horizontal="center" vertical="top" wrapText="1"/>
    </xf>
    <xf numFmtId="0" fontId="1" fillId="0" borderId="7" xfId="0" applyFont="1" applyBorder="1" applyAlignment="1">
      <alignment horizontal="center" vertical="top" wrapText="1"/>
    </xf>
    <xf numFmtId="0" fontId="1" fillId="0" borderId="2" xfId="0" applyFont="1" applyBorder="1" applyAlignment="1">
      <alignment vertical="top" wrapText="1"/>
    </xf>
    <xf numFmtId="0" fontId="1" fillId="0" borderId="1" xfId="0" applyFont="1" applyBorder="1" applyAlignment="1">
      <alignment horizontal="left" vertical="top"/>
    </xf>
    <xf numFmtId="2" fontId="1" fillId="0" borderId="1" xfId="0" applyNumberFormat="1" applyFont="1" applyBorder="1" applyAlignment="1">
      <alignment horizontal="center" vertical="top" wrapText="1"/>
    </xf>
    <xf numFmtId="2" fontId="1" fillId="0" borderId="1" xfId="0" applyNumberFormat="1" applyFont="1" applyBorder="1" applyAlignment="1">
      <alignment vertical="top" wrapText="1"/>
    </xf>
    <xf numFmtId="0" fontId="1" fillId="0" borderId="2" xfId="0" applyFont="1" applyBorder="1" applyAlignment="1">
      <alignment horizontal="center" vertical="top" wrapText="1"/>
    </xf>
  </cellXfs>
  <cellStyles count="8">
    <cellStyle name="Обычный" xfId="0" builtinId="0"/>
    <cellStyle name="Обычный 2" xfId="4"/>
    <cellStyle name="Обычный_Лист1" xfId="5"/>
    <cellStyle name="Обычный_Лист2" xfId="2"/>
    <cellStyle name="Обычный_Лист3" xfId="1"/>
    <cellStyle name="Обычный_Лист4" xfId="6"/>
    <cellStyle name="Обычный_Лист5" xfId="3"/>
    <cellStyle name="Процентный 2" xfId="7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266"/>
  <sheetViews>
    <sheetView tabSelected="1" workbookViewId="0">
      <selection activeCell="C266" sqref="C266"/>
    </sheetView>
  </sheetViews>
  <sheetFormatPr defaultRowHeight="15"/>
  <cols>
    <col min="1" max="1" width="7.42578125" style="69" customWidth="1"/>
    <col min="2" max="2" width="17.7109375" style="69" customWidth="1"/>
    <col min="3" max="3" width="20" style="70" bestFit="1" customWidth="1"/>
    <col min="4" max="4" width="42.140625" style="70" customWidth="1"/>
    <col min="5" max="5" width="43.28515625" style="70" customWidth="1"/>
    <col min="6" max="6" width="21" style="70" customWidth="1"/>
    <col min="7" max="7" width="37.5703125" style="70" customWidth="1"/>
  </cols>
  <sheetData>
    <row r="1" spans="1:7" ht="90">
      <c r="A1" s="67" t="s">
        <v>0</v>
      </c>
      <c r="B1" s="67" t="s">
        <v>5075</v>
      </c>
      <c r="C1" s="68" t="s">
        <v>4376</v>
      </c>
      <c r="D1" s="68" t="s">
        <v>4375</v>
      </c>
      <c r="E1" s="68" t="s">
        <v>5078</v>
      </c>
      <c r="F1" s="68" t="s">
        <v>5076</v>
      </c>
      <c r="G1" s="68" t="s">
        <v>5077</v>
      </c>
    </row>
    <row r="2" spans="1:7">
      <c r="A2" s="67">
        <v>1</v>
      </c>
      <c r="B2" s="67">
        <v>2</v>
      </c>
      <c r="C2" s="68">
        <v>3</v>
      </c>
      <c r="D2" s="68">
        <v>4</v>
      </c>
      <c r="E2" s="68">
        <v>5</v>
      </c>
      <c r="F2" s="68">
        <v>6</v>
      </c>
      <c r="G2" s="68">
        <v>7</v>
      </c>
    </row>
    <row r="3" spans="1:7" s="83" customFormat="1" ht="45">
      <c r="A3" s="80">
        <v>1</v>
      </c>
      <c r="B3" s="81">
        <v>157</v>
      </c>
      <c r="C3" s="82" t="s">
        <v>4378</v>
      </c>
      <c r="D3" s="82" t="s">
        <v>4377</v>
      </c>
      <c r="E3" s="82" t="s">
        <v>5082</v>
      </c>
      <c r="F3" s="82" t="s">
        <v>4379</v>
      </c>
      <c r="G3" s="82" t="s">
        <v>4380</v>
      </c>
    </row>
    <row r="4" spans="1:7" s="83" customFormat="1" ht="45">
      <c r="A4" s="80">
        <v>2</v>
      </c>
      <c r="B4" s="81">
        <v>155</v>
      </c>
      <c r="C4" s="82" t="s">
        <v>4382</v>
      </c>
      <c r="D4" s="82" t="s">
        <v>4381</v>
      </c>
      <c r="E4" s="82" t="s">
        <v>5081</v>
      </c>
      <c r="F4" s="82" t="s">
        <v>4383</v>
      </c>
      <c r="G4" s="82" t="s">
        <v>4380</v>
      </c>
    </row>
    <row r="5" spans="1:7" s="83" customFormat="1" ht="45">
      <c r="A5" s="80">
        <v>3</v>
      </c>
      <c r="B5" s="81">
        <v>165</v>
      </c>
      <c r="C5" s="82" t="s">
        <v>4385</v>
      </c>
      <c r="D5" s="82" t="s">
        <v>4384</v>
      </c>
      <c r="E5" s="82" t="s">
        <v>5083</v>
      </c>
      <c r="F5" s="82" t="s">
        <v>4386</v>
      </c>
      <c r="G5" s="82" t="s">
        <v>4380</v>
      </c>
    </row>
    <row r="6" spans="1:7" s="83" customFormat="1" ht="45">
      <c r="A6" s="80">
        <v>4</v>
      </c>
      <c r="B6" s="81">
        <v>159</v>
      </c>
      <c r="C6" s="82" t="s">
        <v>4388</v>
      </c>
      <c r="D6" s="82" t="s">
        <v>4387</v>
      </c>
      <c r="E6" s="82" t="s">
        <v>5084</v>
      </c>
      <c r="F6" s="82" t="s">
        <v>4389</v>
      </c>
      <c r="G6" s="82" t="s">
        <v>4380</v>
      </c>
    </row>
    <row r="7" spans="1:7" s="83" customFormat="1" ht="45">
      <c r="A7" s="80">
        <v>5</v>
      </c>
      <c r="B7" s="81">
        <v>150</v>
      </c>
      <c r="C7" s="82" t="s">
        <v>4391</v>
      </c>
      <c r="D7" s="82" t="s">
        <v>4390</v>
      </c>
      <c r="E7" s="82" t="s">
        <v>5079</v>
      </c>
      <c r="F7" s="82" t="s">
        <v>4392</v>
      </c>
      <c r="G7" s="82" t="s">
        <v>4380</v>
      </c>
    </row>
    <row r="8" spans="1:7" s="83" customFormat="1" ht="60" customHeight="1">
      <c r="A8" s="80">
        <v>6</v>
      </c>
      <c r="B8" s="81">
        <v>135</v>
      </c>
      <c r="C8" s="82" t="s">
        <v>4394</v>
      </c>
      <c r="D8" s="82" t="s">
        <v>4393</v>
      </c>
      <c r="E8" s="82" t="s">
        <v>5080</v>
      </c>
      <c r="F8" s="82" t="s">
        <v>4395</v>
      </c>
      <c r="G8" s="82" t="s">
        <v>4396</v>
      </c>
    </row>
    <row r="9" spans="1:7" s="83" customFormat="1" ht="60">
      <c r="A9" s="80">
        <v>7</v>
      </c>
      <c r="B9" s="81">
        <v>145</v>
      </c>
      <c r="C9" s="82" t="s">
        <v>4398</v>
      </c>
      <c r="D9" s="82" t="s">
        <v>4397</v>
      </c>
      <c r="E9" s="82" t="s">
        <v>5085</v>
      </c>
      <c r="F9" s="82" t="s">
        <v>4399</v>
      </c>
      <c r="G9" s="82" t="s">
        <v>4400</v>
      </c>
    </row>
    <row r="10" spans="1:7" s="83" customFormat="1" ht="45">
      <c r="A10" s="80">
        <v>8</v>
      </c>
      <c r="B10" s="81">
        <v>147</v>
      </c>
      <c r="C10" s="82" t="s">
        <v>4402</v>
      </c>
      <c r="D10" s="82" t="s">
        <v>4401</v>
      </c>
      <c r="E10" s="82" t="s">
        <v>5088</v>
      </c>
      <c r="F10" s="82" t="s">
        <v>4403</v>
      </c>
      <c r="G10" s="82" t="s">
        <v>4380</v>
      </c>
    </row>
    <row r="11" spans="1:7" s="83" customFormat="1" ht="45">
      <c r="A11" s="80">
        <v>9</v>
      </c>
      <c r="B11" s="81">
        <v>146</v>
      </c>
      <c r="C11" s="82" t="s">
        <v>4406</v>
      </c>
      <c r="D11" s="82" t="s">
        <v>4405</v>
      </c>
      <c r="E11" s="82" t="s">
        <v>5086</v>
      </c>
      <c r="F11" s="82" t="s">
        <v>4407</v>
      </c>
      <c r="G11" s="82" t="s">
        <v>4380</v>
      </c>
    </row>
    <row r="12" spans="1:7" s="83" customFormat="1" ht="45">
      <c r="A12" s="80">
        <v>10</v>
      </c>
      <c r="B12" s="81">
        <v>136</v>
      </c>
      <c r="C12" s="82" t="s">
        <v>4409</v>
      </c>
      <c r="D12" s="82" t="s">
        <v>4408</v>
      </c>
      <c r="E12" s="82" t="s">
        <v>5087</v>
      </c>
      <c r="F12" s="82" t="s">
        <v>4410</v>
      </c>
      <c r="G12" s="82" t="s">
        <v>4380</v>
      </c>
    </row>
    <row r="13" spans="1:7" s="83" customFormat="1" ht="45">
      <c r="A13" s="80">
        <v>11</v>
      </c>
      <c r="B13" s="81">
        <v>143</v>
      </c>
      <c r="C13" s="82" t="s">
        <v>4413</v>
      </c>
      <c r="D13" s="82" t="s">
        <v>4412</v>
      </c>
      <c r="E13" s="82" t="s">
        <v>5089</v>
      </c>
      <c r="F13" s="82" t="s">
        <v>4414</v>
      </c>
      <c r="G13" s="82" t="s">
        <v>4380</v>
      </c>
    </row>
    <row r="14" spans="1:7" s="83" customFormat="1" ht="45">
      <c r="A14" s="80">
        <v>12</v>
      </c>
      <c r="B14" s="81">
        <v>138</v>
      </c>
      <c r="C14" s="82" t="s">
        <v>4416</v>
      </c>
      <c r="D14" s="82" t="s">
        <v>4415</v>
      </c>
      <c r="E14" s="82" t="s">
        <v>5085</v>
      </c>
      <c r="F14" s="82" t="s">
        <v>4417</v>
      </c>
      <c r="G14" s="82" t="s">
        <v>4380</v>
      </c>
    </row>
    <row r="15" spans="1:7" s="83" customFormat="1" ht="60">
      <c r="A15" s="80">
        <v>13</v>
      </c>
      <c r="B15" s="81">
        <v>144</v>
      </c>
      <c r="C15" s="82" t="s">
        <v>4418</v>
      </c>
      <c r="D15" s="82" t="s">
        <v>4405</v>
      </c>
      <c r="E15" s="82" t="s">
        <v>5086</v>
      </c>
      <c r="F15" s="82" t="s">
        <v>4419</v>
      </c>
      <c r="G15" s="82" t="s">
        <v>4420</v>
      </c>
    </row>
    <row r="16" spans="1:7" s="83" customFormat="1" ht="45">
      <c r="A16" s="80">
        <v>14</v>
      </c>
      <c r="B16" s="81">
        <v>158</v>
      </c>
      <c r="C16" s="82" t="s">
        <v>4422</v>
      </c>
      <c r="D16" s="82" t="s">
        <v>4421</v>
      </c>
      <c r="E16" s="82" t="s">
        <v>5090</v>
      </c>
      <c r="F16" s="82" t="s">
        <v>4423</v>
      </c>
      <c r="G16" s="82" t="s">
        <v>4380</v>
      </c>
    </row>
    <row r="17" spans="1:7" s="83" customFormat="1" ht="45">
      <c r="A17" s="80">
        <v>15</v>
      </c>
      <c r="B17" s="81">
        <v>161</v>
      </c>
      <c r="C17" s="82" t="s">
        <v>4425</v>
      </c>
      <c r="D17" s="82" t="s">
        <v>4424</v>
      </c>
      <c r="E17" s="82" t="s">
        <v>5079</v>
      </c>
      <c r="F17" s="82" t="s">
        <v>4426</v>
      </c>
      <c r="G17" s="82" t="s">
        <v>4380</v>
      </c>
    </row>
    <row r="18" spans="1:7" s="83" customFormat="1" ht="45">
      <c r="A18" s="80">
        <v>16</v>
      </c>
      <c r="B18" s="81">
        <v>163</v>
      </c>
      <c r="C18" s="82" t="s">
        <v>4427</v>
      </c>
      <c r="D18" s="82" t="s">
        <v>4424</v>
      </c>
      <c r="E18" s="82" t="s">
        <v>5086</v>
      </c>
      <c r="F18" s="82" t="s">
        <v>4426</v>
      </c>
      <c r="G18" s="82" t="s">
        <v>4380</v>
      </c>
    </row>
    <row r="19" spans="1:7" s="83" customFormat="1" ht="45">
      <c r="A19" s="80">
        <v>17</v>
      </c>
      <c r="B19" s="81">
        <v>162</v>
      </c>
      <c r="C19" s="82" t="s">
        <v>4428</v>
      </c>
      <c r="D19" s="82" t="s">
        <v>4424</v>
      </c>
      <c r="E19" s="82" t="s">
        <v>5086</v>
      </c>
      <c r="F19" s="82" t="s">
        <v>4429</v>
      </c>
      <c r="G19" s="82" t="s">
        <v>4380</v>
      </c>
    </row>
    <row r="20" spans="1:7" s="83" customFormat="1" ht="45">
      <c r="A20" s="80">
        <v>18</v>
      </c>
      <c r="B20" s="81">
        <v>167</v>
      </c>
      <c r="C20" s="82" t="s">
        <v>4430</v>
      </c>
      <c r="D20" s="82" t="s">
        <v>4411</v>
      </c>
      <c r="E20" s="82" t="s">
        <v>5091</v>
      </c>
      <c r="F20" s="82" t="s">
        <v>4431</v>
      </c>
      <c r="G20" s="82" t="s">
        <v>4432</v>
      </c>
    </row>
    <row r="21" spans="1:7" s="83" customFormat="1" ht="45">
      <c r="A21" s="80">
        <v>19</v>
      </c>
      <c r="B21" s="81">
        <v>134</v>
      </c>
      <c r="C21" s="82" t="s">
        <v>4434</v>
      </c>
      <c r="D21" s="82" t="s">
        <v>4433</v>
      </c>
      <c r="E21" s="82" t="s">
        <v>5092</v>
      </c>
      <c r="F21" s="82" t="s">
        <v>4435</v>
      </c>
      <c r="G21" s="82" t="s">
        <v>4380</v>
      </c>
    </row>
    <row r="22" spans="1:7" s="83" customFormat="1" ht="45">
      <c r="A22" s="80">
        <v>20</v>
      </c>
      <c r="B22" s="81">
        <v>132</v>
      </c>
      <c r="C22" s="82" t="s">
        <v>4436</v>
      </c>
      <c r="D22" s="82" t="s">
        <v>4424</v>
      </c>
      <c r="E22" s="82" t="s">
        <v>5093</v>
      </c>
      <c r="F22" s="82" t="s">
        <v>4437</v>
      </c>
      <c r="G22" s="82" t="s">
        <v>4380</v>
      </c>
    </row>
    <row r="23" spans="1:7" s="83" customFormat="1" ht="60">
      <c r="A23" s="80">
        <v>21</v>
      </c>
      <c r="B23" s="81">
        <v>156</v>
      </c>
      <c r="C23" s="82" t="s">
        <v>4438</v>
      </c>
      <c r="D23" s="82" t="s">
        <v>4424</v>
      </c>
      <c r="E23" s="82" t="s">
        <v>5094</v>
      </c>
      <c r="F23" s="82" t="s">
        <v>4439</v>
      </c>
      <c r="G23" s="82" t="s">
        <v>4380</v>
      </c>
    </row>
    <row r="24" spans="1:7" s="83" customFormat="1" ht="60">
      <c r="A24" s="80">
        <v>22</v>
      </c>
      <c r="B24" s="81">
        <v>151</v>
      </c>
      <c r="C24" s="82" t="s">
        <v>4440</v>
      </c>
      <c r="D24" s="82" t="s">
        <v>4424</v>
      </c>
      <c r="E24" s="82" t="s">
        <v>5095</v>
      </c>
      <c r="F24" s="82" t="s">
        <v>4441</v>
      </c>
      <c r="G24" s="82" t="s">
        <v>4380</v>
      </c>
    </row>
    <row r="25" spans="1:7" s="83" customFormat="1" ht="45">
      <c r="A25" s="80">
        <v>23</v>
      </c>
      <c r="B25" s="81">
        <v>130</v>
      </c>
      <c r="C25" s="82" t="s">
        <v>4442</v>
      </c>
      <c r="D25" s="82" t="s">
        <v>4424</v>
      </c>
      <c r="E25" s="82" t="s">
        <v>5093</v>
      </c>
      <c r="F25" s="82" t="s">
        <v>4443</v>
      </c>
      <c r="G25" s="82" t="s">
        <v>4380</v>
      </c>
    </row>
    <row r="26" spans="1:7" s="83" customFormat="1" ht="45">
      <c r="A26" s="80">
        <v>24</v>
      </c>
      <c r="B26" s="81">
        <v>131</v>
      </c>
      <c r="C26" s="82" t="s">
        <v>4444</v>
      </c>
      <c r="D26" s="82" t="s">
        <v>4424</v>
      </c>
      <c r="E26" s="82" t="s">
        <v>5093</v>
      </c>
      <c r="F26" s="82" t="s">
        <v>4445</v>
      </c>
      <c r="G26" s="82" t="s">
        <v>4380</v>
      </c>
    </row>
    <row r="27" spans="1:7" s="83" customFormat="1" ht="45">
      <c r="A27" s="80">
        <v>25</v>
      </c>
      <c r="B27" s="81">
        <v>129</v>
      </c>
      <c r="C27" s="82" t="s">
        <v>4446</v>
      </c>
      <c r="D27" s="82" t="s">
        <v>4424</v>
      </c>
      <c r="E27" s="82" t="s">
        <v>5096</v>
      </c>
      <c r="F27" s="82" t="s">
        <v>4447</v>
      </c>
      <c r="G27" s="82" t="s">
        <v>4380</v>
      </c>
    </row>
    <row r="28" spans="1:7" s="83" customFormat="1" ht="45">
      <c r="A28" s="80">
        <v>26</v>
      </c>
      <c r="B28" s="81">
        <v>149</v>
      </c>
      <c r="C28" s="82" t="s">
        <v>4448</v>
      </c>
      <c r="D28" s="82" t="s">
        <v>4424</v>
      </c>
      <c r="E28" s="82" t="s">
        <v>5096</v>
      </c>
      <c r="F28" s="82" t="s">
        <v>4449</v>
      </c>
      <c r="G28" s="82" t="s">
        <v>4380</v>
      </c>
    </row>
    <row r="29" spans="1:7" s="83" customFormat="1" ht="45">
      <c r="A29" s="80">
        <v>27</v>
      </c>
      <c r="B29" s="81">
        <v>148</v>
      </c>
      <c r="C29" s="82" t="s">
        <v>4450</v>
      </c>
      <c r="D29" s="82" t="s">
        <v>4424</v>
      </c>
      <c r="E29" s="82" t="s">
        <v>5096</v>
      </c>
      <c r="F29" s="82" t="s">
        <v>4451</v>
      </c>
      <c r="G29" s="82" t="s">
        <v>4380</v>
      </c>
    </row>
    <row r="30" spans="1:7" s="83" customFormat="1" ht="60">
      <c r="A30" s="80">
        <v>28</v>
      </c>
      <c r="B30" s="81">
        <v>154</v>
      </c>
      <c r="C30" s="82" t="s">
        <v>4452</v>
      </c>
      <c r="D30" s="82" t="s">
        <v>4424</v>
      </c>
      <c r="E30" s="82" t="s">
        <v>5098</v>
      </c>
      <c r="F30" s="82" t="s">
        <v>4453</v>
      </c>
      <c r="G30" s="82" t="s">
        <v>4380</v>
      </c>
    </row>
    <row r="31" spans="1:7" s="83" customFormat="1" ht="75">
      <c r="A31" s="80">
        <v>29</v>
      </c>
      <c r="B31" s="81">
        <v>133</v>
      </c>
      <c r="C31" s="82" t="s">
        <v>4454</v>
      </c>
      <c r="D31" s="82" t="s">
        <v>4424</v>
      </c>
      <c r="E31" s="82" t="s">
        <v>5097</v>
      </c>
      <c r="F31" s="82" t="s">
        <v>4455</v>
      </c>
      <c r="G31" s="82" t="s">
        <v>4380</v>
      </c>
    </row>
    <row r="32" spans="1:7" s="83" customFormat="1" ht="75">
      <c r="A32" s="80">
        <v>30</v>
      </c>
      <c r="B32" s="81">
        <v>103</v>
      </c>
      <c r="C32" s="82" t="s">
        <v>5099</v>
      </c>
      <c r="D32" s="82" t="s">
        <v>4456</v>
      </c>
      <c r="E32" s="82" t="s">
        <v>5100</v>
      </c>
      <c r="F32" s="82" t="s">
        <v>5101</v>
      </c>
      <c r="G32" s="82" t="s">
        <v>4457</v>
      </c>
    </row>
    <row r="33" spans="1:7" s="83" customFormat="1" ht="75">
      <c r="A33" s="80">
        <v>31</v>
      </c>
      <c r="B33" s="81">
        <v>183</v>
      </c>
      <c r="C33" s="82" t="s">
        <v>5103</v>
      </c>
      <c r="D33" s="82" t="s">
        <v>5102</v>
      </c>
      <c r="E33" s="82" t="s">
        <v>5104</v>
      </c>
      <c r="F33" s="82" t="s">
        <v>4459</v>
      </c>
      <c r="G33" s="82" t="s">
        <v>4380</v>
      </c>
    </row>
    <row r="34" spans="1:7" s="83" customFormat="1" ht="75">
      <c r="A34" s="80">
        <v>32</v>
      </c>
      <c r="B34" s="81" t="s">
        <v>5110</v>
      </c>
      <c r="C34" s="82" t="s">
        <v>5105</v>
      </c>
      <c r="D34" s="82" t="s">
        <v>5102</v>
      </c>
      <c r="E34" s="82" t="s">
        <v>5104</v>
      </c>
      <c r="F34" s="82" t="s">
        <v>4460</v>
      </c>
      <c r="G34" s="82" t="s">
        <v>4380</v>
      </c>
    </row>
    <row r="35" spans="1:7" s="83" customFormat="1" ht="75">
      <c r="A35" s="80">
        <v>33</v>
      </c>
      <c r="B35" s="81" t="s">
        <v>5111</v>
      </c>
      <c r="C35" s="82" t="s">
        <v>5106</v>
      </c>
      <c r="D35" s="82" t="s">
        <v>5115</v>
      </c>
      <c r="E35" s="82" t="s">
        <v>5117</v>
      </c>
      <c r="F35" s="82" t="s">
        <v>4461</v>
      </c>
      <c r="G35" s="82" t="s">
        <v>4380</v>
      </c>
    </row>
    <row r="36" spans="1:7" s="83" customFormat="1" ht="75">
      <c r="A36" s="80">
        <v>34</v>
      </c>
      <c r="B36" s="81" t="s">
        <v>5112</v>
      </c>
      <c r="C36" s="82" t="s">
        <v>5107</v>
      </c>
      <c r="D36" s="82" t="s">
        <v>5115</v>
      </c>
      <c r="E36" s="82" t="s">
        <v>5117</v>
      </c>
      <c r="F36" s="82" t="s">
        <v>4462</v>
      </c>
      <c r="G36" s="82" t="s">
        <v>4380</v>
      </c>
    </row>
    <row r="37" spans="1:7" s="83" customFormat="1" ht="75">
      <c r="A37" s="80">
        <v>35</v>
      </c>
      <c r="B37" s="81" t="s">
        <v>5113</v>
      </c>
      <c r="C37" s="82" t="s">
        <v>5108</v>
      </c>
      <c r="D37" s="82" t="s">
        <v>5115</v>
      </c>
      <c r="E37" s="82" t="s">
        <v>5117</v>
      </c>
      <c r="F37" s="82" t="s">
        <v>4463</v>
      </c>
      <c r="G37" s="82" t="s">
        <v>4380</v>
      </c>
    </row>
    <row r="38" spans="1:7" s="83" customFormat="1" ht="75">
      <c r="A38" s="80">
        <v>36</v>
      </c>
      <c r="B38" s="81" t="s">
        <v>5114</v>
      </c>
      <c r="C38" s="82" t="s">
        <v>5109</v>
      </c>
      <c r="D38" s="82" t="s">
        <v>5116</v>
      </c>
      <c r="E38" s="82" t="s">
        <v>5117</v>
      </c>
      <c r="F38" s="82" t="s">
        <v>4464</v>
      </c>
      <c r="G38" s="82" t="s">
        <v>4380</v>
      </c>
    </row>
    <row r="39" spans="1:7" s="83" customFormat="1" ht="45">
      <c r="A39" s="80">
        <v>37</v>
      </c>
      <c r="B39" s="81">
        <v>109</v>
      </c>
      <c r="C39" s="82"/>
      <c r="D39" s="82" t="s">
        <v>4466</v>
      </c>
      <c r="E39" s="82" t="s">
        <v>5118</v>
      </c>
      <c r="F39" s="82"/>
      <c r="G39" s="82" t="s">
        <v>4380</v>
      </c>
    </row>
    <row r="40" spans="1:7" s="83" customFormat="1" ht="45">
      <c r="A40" s="80">
        <v>38</v>
      </c>
      <c r="B40" s="81">
        <v>127</v>
      </c>
      <c r="C40" s="82"/>
      <c r="D40" s="82" t="s">
        <v>4467</v>
      </c>
      <c r="E40" s="82" t="s">
        <v>5118</v>
      </c>
      <c r="F40" s="82"/>
      <c r="G40" s="82" t="s">
        <v>4380</v>
      </c>
    </row>
    <row r="41" spans="1:7" s="83" customFormat="1" ht="45">
      <c r="A41" s="80">
        <v>39</v>
      </c>
      <c r="B41" s="81">
        <v>126</v>
      </c>
      <c r="C41" s="82"/>
      <c r="D41" s="82" t="s">
        <v>4468</v>
      </c>
      <c r="E41" s="82" t="s">
        <v>5118</v>
      </c>
      <c r="F41" s="82"/>
      <c r="G41" s="82" t="s">
        <v>4380</v>
      </c>
    </row>
    <row r="42" spans="1:7" s="83" customFormat="1" ht="45">
      <c r="A42" s="80">
        <v>40</v>
      </c>
      <c r="B42" s="81">
        <v>125</v>
      </c>
      <c r="C42" s="82"/>
      <c r="D42" s="82" t="s">
        <v>4469</v>
      </c>
      <c r="E42" s="82" t="s">
        <v>5118</v>
      </c>
      <c r="F42" s="82"/>
      <c r="G42" s="82" t="s">
        <v>4380</v>
      </c>
    </row>
    <row r="43" spans="1:7" s="83" customFormat="1" ht="45">
      <c r="A43" s="80">
        <v>41</v>
      </c>
      <c r="B43" s="81">
        <v>124</v>
      </c>
      <c r="C43" s="82"/>
      <c r="D43" s="82" t="s">
        <v>4470</v>
      </c>
      <c r="E43" s="82" t="s">
        <v>5118</v>
      </c>
      <c r="F43" s="82"/>
      <c r="G43" s="82" t="s">
        <v>4380</v>
      </c>
    </row>
    <row r="44" spans="1:7" s="83" customFormat="1" ht="45">
      <c r="A44" s="80">
        <v>42</v>
      </c>
      <c r="B44" s="81">
        <v>123</v>
      </c>
      <c r="C44" s="82"/>
      <c r="D44" s="82" t="s">
        <v>4471</v>
      </c>
      <c r="E44" s="82" t="s">
        <v>5118</v>
      </c>
      <c r="F44" s="82"/>
      <c r="G44" s="82" t="s">
        <v>4380</v>
      </c>
    </row>
    <row r="45" spans="1:7" s="83" customFormat="1" ht="45">
      <c r="A45" s="80">
        <v>43</v>
      </c>
      <c r="B45" s="81">
        <v>122</v>
      </c>
      <c r="C45" s="82"/>
      <c r="D45" s="82" t="s">
        <v>4472</v>
      </c>
      <c r="E45" s="82" t="s">
        <v>5118</v>
      </c>
      <c r="F45" s="82"/>
      <c r="G45" s="82" t="s">
        <v>4380</v>
      </c>
    </row>
    <row r="46" spans="1:7" s="83" customFormat="1" ht="45">
      <c r="A46" s="80">
        <v>44</v>
      </c>
      <c r="B46" s="81">
        <v>106</v>
      </c>
      <c r="C46" s="82"/>
      <c r="D46" s="82" t="s">
        <v>4473</v>
      </c>
      <c r="E46" s="82" t="s">
        <v>5118</v>
      </c>
      <c r="F46" s="82"/>
      <c r="G46" s="82" t="s">
        <v>4380</v>
      </c>
    </row>
    <row r="47" spans="1:7" s="83" customFormat="1" ht="45">
      <c r="A47" s="80">
        <v>45</v>
      </c>
      <c r="B47" s="81">
        <v>107</v>
      </c>
      <c r="C47" s="82"/>
      <c r="D47" s="82" t="s">
        <v>4474</v>
      </c>
      <c r="E47" s="82" t="s">
        <v>5118</v>
      </c>
      <c r="F47" s="82"/>
      <c r="G47" s="82" t="s">
        <v>4380</v>
      </c>
    </row>
    <row r="48" spans="1:7" s="83" customFormat="1" ht="45">
      <c r="A48" s="80">
        <v>46</v>
      </c>
      <c r="B48" s="81">
        <v>108</v>
      </c>
      <c r="C48" s="82"/>
      <c r="D48" s="82" t="s">
        <v>4475</v>
      </c>
      <c r="E48" s="82" t="s">
        <v>5118</v>
      </c>
      <c r="F48" s="82"/>
      <c r="G48" s="82" t="s">
        <v>4380</v>
      </c>
    </row>
    <row r="49" spans="1:7" s="83" customFormat="1" ht="45">
      <c r="A49" s="80">
        <v>47</v>
      </c>
      <c r="B49" s="81">
        <v>128</v>
      </c>
      <c r="C49" s="82"/>
      <c r="D49" s="82" t="s">
        <v>4476</v>
      </c>
      <c r="E49" s="82" t="s">
        <v>5118</v>
      </c>
      <c r="F49" s="82"/>
      <c r="G49" s="82" t="s">
        <v>4380</v>
      </c>
    </row>
    <row r="50" spans="1:7" s="83" customFormat="1" ht="45">
      <c r="A50" s="80">
        <v>48</v>
      </c>
      <c r="B50" s="81">
        <v>110</v>
      </c>
      <c r="C50" s="82"/>
      <c r="D50" s="82" t="s">
        <v>4477</v>
      </c>
      <c r="E50" s="82" t="s">
        <v>5118</v>
      </c>
      <c r="F50" s="82"/>
      <c r="G50" s="82" t="s">
        <v>4380</v>
      </c>
    </row>
    <row r="51" spans="1:7" s="83" customFormat="1" ht="45">
      <c r="A51" s="80">
        <v>49</v>
      </c>
      <c r="B51" s="81">
        <v>111</v>
      </c>
      <c r="C51" s="82"/>
      <c r="D51" s="82" t="s">
        <v>4478</v>
      </c>
      <c r="E51" s="82" t="s">
        <v>5118</v>
      </c>
      <c r="F51" s="82"/>
      <c r="G51" s="82" t="s">
        <v>4380</v>
      </c>
    </row>
    <row r="52" spans="1:7" s="83" customFormat="1" ht="45">
      <c r="A52" s="80">
        <v>50</v>
      </c>
      <c r="B52" s="81">
        <v>112</v>
      </c>
      <c r="C52" s="82"/>
      <c r="D52" s="82" t="s">
        <v>4479</v>
      </c>
      <c r="E52" s="82" t="s">
        <v>5118</v>
      </c>
      <c r="F52" s="82"/>
      <c r="G52" s="82" t="s">
        <v>4380</v>
      </c>
    </row>
    <row r="53" spans="1:7" s="83" customFormat="1" ht="45">
      <c r="A53" s="80">
        <v>51</v>
      </c>
      <c r="B53" s="81">
        <v>113</v>
      </c>
      <c r="C53" s="82"/>
      <c r="D53" s="82" t="s">
        <v>4481</v>
      </c>
      <c r="E53" s="82" t="s">
        <v>5118</v>
      </c>
      <c r="F53" s="82"/>
      <c r="G53" s="82" t="s">
        <v>4380</v>
      </c>
    </row>
    <row r="54" spans="1:7" s="83" customFormat="1" ht="45">
      <c r="A54" s="80">
        <v>52</v>
      </c>
      <c r="B54" s="81">
        <v>114</v>
      </c>
      <c r="C54" s="82"/>
      <c r="D54" s="82" t="s">
        <v>4482</v>
      </c>
      <c r="E54" s="82" t="s">
        <v>5118</v>
      </c>
      <c r="F54" s="82"/>
      <c r="G54" s="82" t="s">
        <v>4380</v>
      </c>
    </row>
    <row r="55" spans="1:7" s="83" customFormat="1" ht="45">
      <c r="A55" s="80">
        <v>53</v>
      </c>
      <c r="B55" s="81">
        <v>115</v>
      </c>
      <c r="C55" s="82"/>
      <c r="D55" s="82" t="s">
        <v>4483</v>
      </c>
      <c r="E55" s="82" t="s">
        <v>5118</v>
      </c>
      <c r="F55" s="82"/>
      <c r="G55" s="82" t="s">
        <v>4380</v>
      </c>
    </row>
    <row r="56" spans="1:7" s="83" customFormat="1" ht="45">
      <c r="A56" s="80">
        <v>54</v>
      </c>
      <c r="B56" s="81">
        <v>116</v>
      </c>
      <c r="C56" s="82"/>
      <c r="D56" s="82" t="s">
        <v>4387</v>
      </c>
      <c r="E56" s="82" t="s">
        <v>5118</v>
      </c>
      <c r="F56" s="82"/>
      <c r="G56" s="82" t="s">
        <v>4380</v>
      </c>
    </row>
    <row r="57" spans="1:7" s="83" customFormat="1" ht="45">
      <c r="A57" s="80">
        <v>55</v>
      </c>
      <c r="B57" s="81">
        <v>117</v>
      </c>
      <c r="C57" s="82"/>
      <c r="D57" s="82" t="s">
        <v>4484</v>
      </c>
      <c r="E57" s="82" t="s">
        <v>5118</v>
      </c>
      <c r="F57" s="82"/>
      <c r="G57" s="82" t="s">
        <v>4380</v>
      </c>
    </row>
    <row r="58" spans="1:7" s="83" customFormat="1" ht="45">
      <c r="A58" s="80">
        <v>56</v>
      </c>
      <c r="B58" s="81">
        <v>118</v>
      </c>
      <c r="C58" s="82"/>
      <c r="D58" s="82" t="s">
        <v>4475</v>
      </c>
      <c r="E58" s="82" t="s">
        <v>5118</v>
      </c>
      <c r="F58" s="82"/>
      <c r="G58" s="82" t="s">
        <v>4380</v>
      </c>
    </row>
    <row r="59" spans="1:7" s="83" customFormat="1" ht="45">
      <c r="A59" s="80">
        <v>57</v>
      </c>
      <c r="B59" s="81">
        <v>119</v>
      </c>
      <c r="C59" s="82"/>
      <c r="D59" s="82" t="s">
        <v>4485</v>
      </c>
      <c r="E59" s="82" t="s">
        <v>5118</v>
      </c>
      <c r="F59" s="82"/>
      <c r="G59" s="82" t="s">
        <v>4380</v>
      </c>
    </row>
    <row r="60" spans="1:7" s="83" customFormat="1" ht="45">
      <c r="A60" s="80">
        <v>58</v>
      </c>
      <c r="B60" s="81">
        <v>120</v>
      </c>
      <c r="C60" s="82"/>
      <c r="D60" s="82" t="s">
        <v>4486</v>
      </c>
      <c r="E60" s="82" t="s">
        <v>5118</v>
      </c>
      <c r="F60" s="82"/>
      <c r="G60" s="82" t="s">
        <v>4380</v>
      </c>
    </row>
    <row r="61" spans="1:7" s="83" customFormat="1" ht="45">
      <c r="A61" s="80">
        <v>59</v>
      </c>
      <c r="B61" s="81">
        <v>121</v>
      </c>
      <c r="C61" s="82"/>
      <c r="D61" s="82" t="s">
        <v>4487</v>
      </c>
      <c r="E61" s="82" t="s">
        <v>5118</v>
      </c>
      <c r="F61" s="82"/>
      <c r="G61" s="82" t="s">
        <v>4380</v>
      </c>
    </row>
    <row r="62" spans="1:7" s="83" customFormat="1" ht="45">
      <c r="A62" s="80">
        <v>60</v>
      </c>
      <c r="B62" s="81">
        <v>186</v>
      </c>
      <c r="C62" s="82"/>
      <c r="D62" s="82" t="s">
        <v>4488</v>
      </c>
      <c r="E62" s="82" t="s">
        <v>5119</v>
      </c>
      <c r="F62" s="82"/>
      <c r="G62" s="82" t="s">
        <v>4380</v>
      </c>
    </row>
    <row r="63" spans="1:7" s="83" customFormat="1" ht="45">
      <c r="A63" s="80">
        <v>61</v>
      </c>
      <c r="B63" s="81">
        <v>188</v>
      </c>
      <c r="C63" s="82"/>
      <c r="D63" s="82" t="s">
        <v>4489</v>
      </c>
      <c r="E63" s="82" t="s">
        <v>5120</v>
      </c>
      <c r="F63" s="82"/>
      <c r="G63" s="82" t="s">
        <v>4380</v>
      </c>
    </row>
    <row r="64" spans="1:7" s="83" customFormat="1" ht="45">
      <c r="A64" s="80">
        <v>62</v>
      </c>
      <c r="B64" s="81">
        <v>191</v>
      </c>
      <c r="C64" s="82"/>
      <c r="D64" s="82" t="s">
        <v>4490</v>
      </c>
      <c r="E64" s="82" t="s">
        <v>5121</v>
      </c>
      <c r="F64" s="82"/>
      <c r="G64" s="82" t="s">
        <v>4380</v>
      </c>
    </row>
    <row r="65" spans="1:7" s="83" customFormat="1" ht="45">
      <c r="A65" s="80">
        <v>63</v>
      </c>
      <c r="B65" s="81">
        <v>189</v>
      </c>
      <c r="C65" s="82"/>
      <c r="D65" s="82" t="s">
        <v>4491</v>
      </c>
      <c r="E65" s="82" t="s">
        <v>5122</v>
      </c>
      <c r="F65" s="82"/>
      <c r="G65" s="82" t="s">
        <v>4380</v>
      </c>
    </row>
    <row r="66" spans="1:7" s="83" customFormat="1" ht="45">
      <c r="A66" s="80">
        <v>64</v>
      </c>
      <c r="B66" s="81">
        <v>190</v>
      </c>
      <c r="C66" s="82"/>
      <c r="D66" s="82" t="s">
        <v>4492</v>
      </c>
      <c r="E66" s="82" t="s">
        <v>5123</v>
      </c>
      <c r="F66" s="82"/>
      <c r="G66" s="82" t="s">
        <v>4380</v>
      </c>
    </row>
    <row r="67" spans="1:7" s="83" customFormat="1" ht="45">
      <c r="A67" s="80">
        <v>65</v>
      </c>
      <c r="B67" s="81">
        <v>187</v>
      </c>
      <c r="C67" s="82"/>
      <c r="D67" s="82" t="s">
        <v>4493</v>
      </c>
      <c r="E67" s="82" t="s">
        <v>5124</v>
      </c>
      <c r="F67" s="82"/>
      <c r="G67" s="82" t="s">
        <v>4380</v>
      </c>
    </row>
    <row r="68" spans="1:7" s="83" customFormat="1" ht="45">
      <c r="A68" s="80">
        <v>66</v>
      </c>
      <c r="B68" s="81">
        <v>192</v>
      </c>
      <c r="C68" s="82"/>
      <c r="D68" s="82" t="s">
        <v>4494</v>
      </c>
      <c r="E68" s="82" t="s">
        <v>5125</v>
      </c>
      <c r="F68" s="82"/>
      <c r="G68" s="82" t="s">
        <v>4380</v>
      </c>
    </row>
    <row r="69" spans="1:7" s="83" customFormat="1" ht="75">
      <c r="A69" s="80">
        <v>67</v>
      </c>
      <c r="B69" s="81">
        <v>39</v>
      </c>
      <c r="C69" s="82" t="s">
        <v>5143</v>
      </c>
      <c r="D69" s="82" t="s">
        <v>4495</v>
      </c>
      <c r="E69" s="82" t="s">
        <v>5145</v>
      </c>
      <c r="F69" s="82" t="s">
        <v>5144</v>
      </c>
      <c r="G69" s="82" t="s">
        <v>4497</v>
      </c>
    </row>
    <row r="70" spans="1:7" s="83" customFormat="1" ht="75">
      <c r="A70" s="80">
        <v>68</v>
      </c>
      <c r="B70" s="81">
        <v>37</v>
      </c>
      <c r="C70" s="82" t="s">
        <v>5146</v>
      </c>
      <c r="D70" s="82" t="s">
        <v>4495</v>
      </c>
      <c r="E70" s="82" t="s">
        <v>5148</v>
      </c>
      <c r="F70" s="82" t="s">
        <v>5147</v>
      </c>
      <c r="G70" s="82" t="s">
        <v>4498</v>
      </c>
    </row>
    <row r="71" spans="1:7" s="83" customFormat="1" ht="60">
      <c r="A71" s="80">
        <v>69</v>
      </c>
      <c r="B71" s="81">
        <v>31</v>
      </c>
      <c r="C71" s="82"/>
      <c r="D71" s="82" t="s">
        <v>4499</v>
      </c>
      <c r="E71" s="82" t="s">
        <v>5149</v>
      </c>
      <c r="F71" s="82" t="s">
        <v>4500</v>
      </c>
      <c r="G71" s="82" t="s">
        <v>4501</v>
      </c>
    </row>
    <row r="72" spans="1:7" s="83" customFormat="1" ht="45">
      <c r="A72" s="80">
        <v>71</v>
      </c>
      <c r="B72" s="81">
        <v>102</v>
      </c>
      <c r="C72" s="82"/>
      <c r="D72" s="82" t="s">
        <v>4503</v>
      </c>
      <c r="E72" s="82" t="s">
        <v>5150</v>
      </c>
      <c r="F72" s="82" t="s">
        <v>4504</v>
      </c>
      <c r="G72" s="82" t="s">
        <v>4380</v>
      </c>
    </row>
    <row r="73" spans="1:7" s="83" customFormat="1" ht="60">
      <c r="A73" s="80">
        <v>72</v>
      </c>
      <c r="B73" s="81"/>
      <c r="C73" s="82"/>
      <c r="D73" s="82" t="s">
        <v>4505</v>
      </c>
      <c r="E73" s="82" t="s">
        <v>5151</v>
      </c>
      <c r="F73" s="82" t="s">
        <v>4506</v>
      </c>
      <c r="G73" s="82" t="s">
        <v>4507</v>
      </c>
    </row>
    <row r="74" spans="1:7" s="83" customFormat="1" ht="60">
      <c r="A74" s="80">
        <v>73</v>
      </c>
      <c r="B74" s="81">
        <v>51</v>
      </c>
      <c r="C74" s="82" t="s">
        <v>4508</v>
      </c>
      <c r="D74" s="82" t="s">
        <v>4505</v>
      </c>
      <c r="E74" s="82" t="s">
        <v>5152</v>
      </c>
      <c r="F74" s="82" t="s">
        <v>4509</v>
      </c>
      <c r="G74" s="82" t="s">
        <v>4510</v>
      </c>
    </row>
    <row r="75" spans="1:7" s="83" customFormat="1" ht="75">
      <c r="A75" s="80">
        <v>74</v>
      </c>
      <c r="B75" s="81">
        <v>12</v>
      </c>
      <c r="C75" s="82"/>
      <c r="D75" s="82" t="s">
        <v>4511</v>
      </c>
      <c r="E75" s="82" t="s">
        <v>5151</v>
      </c>
      <c r="F75" s="82" t="s">
        <v>4512</v>
      </c>
      <c r="G75" s="82" t="s">
        <v>4513</v>
      </c>
    </row>
    <row r="76" spans="1:7" s="83" customFormat="1" ht="45">
      <c r="A76" s="80">
        <v>75</v>
      </c>
      <c r="B76" s="81">
        <v>101</v>
      </c>
      <c r="C76" s="82"/>
      <c r="D76" s="82" t="s">
        <v>4514</v>
      </c>
      <c r="E76" s="82" t="s">
        <v>5150</v>
      </c>
      <c r="F76" s="82" t="s">
        <v>4515</v>
      </c>
      <c r="G76" s="82" t="s">
        <v>4380</v>
      </c>
    </row>
    <row r="77" spans="1:7" s="83" customFormat="1" ht="75">
      <c r="A77" s="80">
        <v>76</v>
      </c>
      <c r="B77" s="81">
        <v>54</v>
      </c>
      <c r="C77" s="82" t="s">
        <v>4517</v>
      </c>
      <c r="D77" s="82" t="s">
        <v>4516</v>
      </c>
      <c r="E77" s="82" t="s">
        <v>5150</v>
      </c>
      <c r="F77" s="82" t="s">
        <v>4518</v>
      </c>
      <c r="G77" s="82" t="s">
        <v>4519</v>
      </c>
    </row>
    <row r="78" spans="1:7" s="83" customFormat="1" ht="75">
      <c r="A78" s="80">
        <v>77</v>
      </c>
      <c r="B78" s="81">
        <v>44</v>
      </c>
      <c r="C78" s="82" t="s">
        <v>4521</v>
      </c>
      <c r="D78" s="82" t="s">
        <v>4520</v>
      </c>
      <c r="E78" s="82" t="s">
        <v>5153</v>
      </c>
      <c r="F78" s="82" t="s">
        <v>4522</v>
      </c>
      <c r="G78" s="82" t="s">
        <v>4523</v>
      </c>
    </row>
    <row r="79" spans="1:7" s="83" customFormat="1" ht="60">
      <c r="A79" s="80">
        <v>78</v>
      </c>
      <c r="B79" s="81">
        <v>26</v>
      </c>
      <c r="C79" s="82"/>
      <c r="D79" s="82" t="s">
        <v>4524</v>
      </c>
      <c r="E79" s="82" t="s">
        <v>5154</v>
      </c>
      <c r="F79" s="82" t="s">
        <v>4525</v>
      </c>
      <c r="G79" s="82" t="s">
        <v>4526</v>
      </c>
    </row>
    <row r="80" spans="1:7" s="83" customFormat="1" ht="45">
      <c r="A80" s="80">
        <v>79</v>
      </c>
      <c r="B80" s="81">
        <v>90</v>
      </c>
      <c r="C80" s="82" t="s">
        <v>5155</v>
      </c>
      <c r="D80" s="82" t="s">
        <v>4527</v>
      </c>
      <c r="E80" s="82" t="s">
        <v>5157</v>
      </c>
      <c r="F80" s="82" t="s">
        <v>4528</v>
      </c>
      <c r="G80" s="82" t="s">
        <v>4529</v>
      </c>
    </row>
    <row r="81" spans="1:7" s="83" customFormat="1" ht="75">
      <c r="A81" s="80">
        <v>80</v>
      </c>
      <c r="B81" s="81">
        <v>53</v>
      </c>
      <c r="C81" s="82"/>
      <c r="D81" s="82" t="s">
        <v>4531</v>
      </c>
      <c r="E81" s="82" t="s">
        <v>5156</v>
      </c>
      <c r="F81" s="82" t="s">
        <v>4532</v>
      </c>
      <c r="G81" s="82" t="s">
        <v>4533</v>
      </c>
    </row>
    <row r="82" spans="1:7" s="83" customFormat="1" ht="45">
      <c r="A82" s="80">
        <v>81</v>
      </c>
      <c r="B82" s="81">
        <v>82</v>
      </c>
      <c r="C82" s="82" t="s">
        <v>5158</v>
      </c>
      <c r="D82" s="82" t="s">
        <v>4534</v>
      </c>
      <c r="E82" s="82" t="s">
        <v>5157</v>
      </c>
      <c r="F82" s="82" t="s">
        <v>4535</v>
      </c>
      <c r="G82" s="82" t="s">
        <v>4536</v>
      </c>
    </row>
    <row r="83" spans="1:7" s="83" customFormat="1" ht="45">
      <c r="A83" s="80">
        <v>82</v>
      </c>
      <c r="B83" s="81">
        <v>82</v>
      </c>
      <c r="C83" s="82" t="s">
        <v>5159</v>
      </c>
      <c r="D83" s="82" t="s">
        <v>4537</v>
      </c>
      <c r="E83" s="82" t="s">
        <v>5157</v>
      </c>
      <c r="F83" s="82" t="s">
        <v>4538</v>
      </c>
      <c r="G83" s="82" t="s">
        <v>4536</v>
      </c>
    </row>
    <row r="84" spans="1:7" s="83" customFormat="1" ht="45">
      <c r="A84" s="80">
        <v>83</v>
      </c>
      <c r="B84" s="81"/>
      <c r="C84" s="82"/>
      <c r="D84" s="82" t="s">
        <v>4539</v>
      </c>
      <c r="E84" s="82" t="s">
        <v>5126</v>
      </c>
      <c r="F84" s="82" t="s">
        <v>5160</v>
      </c>
      <c r="G84" s="82" t="s">
        <v>4536</v>
      </c>
    </row>
    <row r="85" spans="1:7" s="83" customFormat="1" ht="45">
      <c r="A85" s="80">
        <v>84</v>
      </c>
      <c r="B85" s="81"/>
      <c r="C85" s="82"/>
      <c r="D85" s="82" t="s">
        <v>4539</v>
      </c>
      <c r="E85" s="82" t="s">
        <v>5126</v>
      </c>
      <c r="F85" s="82"/>
      <c r="G85" s="82" t="s">
        <v>4536</v>
      </c>
    </row>
    <row r="86" spans="1:7" s="83" customFormat="1" ht="45">
      <c r="A86" s="80">
        <v>85</v>
      </c>
      <c r="B86" s="81">
        <v>63</v>
      </c>
      <c r="C86" s="82"/>
      <c r="D86" s="82" t="s">
        <v>4458</v>
      </c>
      <c r="E86" s="82" t="s">
        <v>5161</v>
      </c>
      <c r="F86" s="82" t="s">
        <v>4542</v>
      </c>
      <c r="G86" s="82" t="s">
        <v>4380</v>
      </c>
    </row>
    <row r="87" spans="1:7" s="83" customFormat="1" ht="45">
      <c r="A87" s="80">
        <v>86</v>
      </c>
      <c r="B87" s="81">
        <v>64</v>
      </c>
      <c r="C87" s="82" t="s">
        <v>5163</v>
      </c>
      <c r="D87" s="82" t="s">
        <v>5162</v>
      </c>
      <c r="E87" s="82" t="s">
        <v>5164</v>
      </c>
      <c r="F87" s="82" t="s">
        <v>4543</v>
      </c>
      <c r="G87" s="82" t="s">
        <v>4380</v>
      </c>
    </row>
    <row r="88" spans="1:7" s="83" customFormat="1" ht="60">
      <c r="A88" s="80">
        <v>87</v>
      </c>
      <c r="B88" s="81">
        <v>20</v>
      </c>
      <c r="C88" s="82"/>
      <c r="D88" s="82" t="s">
        <v>4544</v>
      </c>
      <c r="E88" s="82" t="s">
        <v>5165</v>
      </c>
      <c r="F88" s="82" t="s">
        <v>4545</v>
      </c>
      <c r="G88" s="82" t="s">
        <v>4546</v>
      </c>
    </row>
    <row r="89" spans="1:7" s="83" customFormat="1" ht="75">
      <c r="A89" s="80">
        <v>88</v>
      </c>
      <c r="B89" s="81">
        <v>14</v>
      </c>
      <c r="C89" s="82"/>
      <c r="D89" s="82" t="s">
        <v>4494</v>
      </c>
      <c r="E89" s="82" t="s">
        <v>5166</v>
      </c>
      <c r="F89" s="82" t="s">
        <v>4496</v>
      </c>
      <c r="G89" s="82" t="s">
        <v>4513</v>
      </c>
    </row>
    <row r="90" spans="1:7" s="83" customFormat="1" ht="75">
      <c r="A90" s="80">
        <v>89</v>
      </c>
      <c r="B90" s="81">
        <v>48</v>
      </c>
      <c r="C90" s="82"/>
      <c r="D90" s="82" t="s">
        <v>4547</v>
      </c>
      <c r="E90" s="82" t="s">
        <v>5167</v>
      </c>
      <c r="F90" s="82" t="s">
        <v>4496</v>
      </c>
      <c r="G90" s="82" t="s">
        <v>4548</v>
      </c>
    </row>
    <row r="91" spans="1:7" s="83" customFormat="1" ht="75">
      <c r="A91" s="80">
        <v>90</v>
      </c>
      <c r="B91" s="81">
        <v>15</v>
      </c>
      <c r="C91" s="82"/>
      <c r="D91" s="82" t="s">
        <v>4494</v>
      </c>
      <c r="E91" s="82" t="s">
        <v>5157</v>
      </c>
      <c r="F91" s="82" t="s">
        <v>4496</v>
      </c>
      <c r="G91" s="82" t="s">
        <v>4513</v>
      </c>
    </row>
    <row r="92" spans="1:7" s="83" customFormat="1" ht="75">
      <c r="A92" s="80">
        <v>91</v>
      </c>
      <c r="B92" s="81">
        <v>11</v>
      </c>
      <c r="C92" s="82" t="s">
        <v>4550</v>
      </c>
      <c r="D92" s="82" t="s">
        <v>4549</v>
      </c>
      <c r="E92" s="82" t="s">
        <v>5168</v>
      </c>
      <c r="F92" s="82" t="s">
        <v>4551</v>
      </c>
      <c r="G92" s="82" t="s">
        <v>4513</v>
      </c>
    </row>
    <row r="93" spans="1:7" s="83" customFormat="1" ht="60">
      <c r="A93" s="80">
        <v>92</v>
      </c>
      <c r="B93" s="81">
        <v>21</v>
      </c>
      <c r="C93" s="82" t="s">
        <v>4553</v>
      </c>
      <c r="D93" s="82" t="s">
        <v>4552</v>
      </c>
      <c r="E93" s="82" t="s">
        <v>5169</v>
      </c>
      <c r="F93" s="82" t="s">
        <v>4554</v>
      </c>
      <c r="G93" s="82" t="s">
        <v>4555</v>
      </c>
    </row>
    <row r="94" spans="1:7" s="83" customFormat="1" ht="60">
      <c r="A94" s="80">
        <v>93</v>
      </c>
      <c r="B94" s="81">
        <v>41</v>
      </c>
      <c r="C94" s="82" t="s">
        <v>4557</v>
      </c>
      <c r="D94" s="82" t="s">
        <v>4556</v>
      </c>
      <c r="E94" s="82" t="s">
        <v>5170</v>
      </c>
      <c r="F94" s="82" t="s">
        <v>4558</v>
      </c>
      <c r="G94" s="82" t="s">
        <v>4559</v>
      </c>
    </row>
    <row r="95" spans="1:7" s="83" customFormat="1" ht="75">
      <c r="A95" s="80">
        <v>94</v>
      </c>
      <c r="B95" s="81">
        <v>46</v>
      </c>
      <c r="C95" s="82"/>
      <c r="D95" s="82" t="s">
        <v>4560</v>
      </c>
      <c r="E95" s="82" t="s">
        <v>5168</v>
      </c>
      <c r="F95" s="82" t="s">
        <v>4561</v>
      </c>
      <c r="G95" s="82" t="s">
        <v>4548</v>
      </c>
    </row>
    <row r="96" spans="1:7" s="83" customFormat="1" ht="75">
      <c r="A96" s="80">
        <v>95</v>
      </c>
      <c r="B96" s="81">
        <v>45</v>
      </c>
      <c r="C96" s="82" t="s">
        <v>4562</v>
      </c>
      <c r="D96" s="82" t="s">
        <v>4560</v>
      </c>
      <c r="E96" s="82" t="s">
        <v>5171</v>
      </c>
      <c r="F96" s="82" t="s">
        <v>4563</v>
      </c>
      <c r="G96" s="82" t="s">
        <v>4548</v>
      </c>
    </row>
    <row r="97" spans="1:7" s="83" customFormat="1" ht="75">
      <c r="A97" s="80">
        <v>96</v>
      </c>
      <c r="B97" s="81">
        <v>47</v>
      </c>
      <c r="C97" s="82"/>
      <c r="D97" s="82" t="s">
        <v>4560</v>
      </c>
      <c r="E97" s="82" t="s">
        <v>5172</v>
      </c>
      <c r="F97" s="82" t="s">
        <v>4496</v>
      </c>
      <c r="G97" s="82" t="s">
        <v>4548</v>
      </c>
    </row>
    <row r="98" spans="1:7" s="83" customFormat="1" ht="75">
      <c r="A98" s="80">
        <v>97</v>
      </c>
      <c r="B98" s="81">
        <v>34</v>
      </c>
      <c r="C98" s="82" t="s">
        <v>5173</v>
      </c>
      <c r="D98" s="82" t="s">
        <v>5175</v>
      </c>
      <c r="E98" s="82" t="s">
        <v>5174</v>
      </c>
      <c r="F98" s="82" t="s">
        <v>4564</v>
      </c>
      <c r="G98" s="82" t="s">
        <v>4498</v>
      </c>
    </row>
    <row r="99" spans="1:7" s="83" customFormat="1" ht="60">
      <c r="A99" s="80">
        <v>98</v>
      </c>
      <c r="B99" s="81">
        <v>30</v>
      </c>
      <c r="C99" s="82" t="s">
        <v>4565</v>
      </c>
      <c r="D99" s="82" t="s">
        <v>4421</v>
      </c>
      <c r="E99" s="82" t="s">
        <v>5176</v>
      </c>
      <c r="F99" s="82" t="s">
        <v>4566</v>
      </c>
      <c r="G99" s="82" t="s">
        <v>4567</v>
      </c>
    </row>
    <row r="100" spans="1:7" s="83" customFormat="1" ht="60">
      <c r="A100" s="80">
        <v>99</v>
      </c>
      <c r="B100" s="81">
        <v>33</v>
      </c>
      <c r="C100" s="82" t="s">
        <v>4569</v>
      </c>
      <c r="D100" s="82" t="s">
        <v>4568</v>
      </c>
      <c r="E100" s="82" t="s">
        <v>5177</v>
      </c>
      <c r="F100" s="82" t="s">
        <v>4570</v>
      </c>
      <c r="G100" s="82" t="s">
        <v>4567</v>
      </c>
    </row>
    <row r="101" spans="1:7" s="83" customFormat="1" ht="60">
      <c r="A101" s="80">
        <v>100</v>
      </c>
      <c r="B101" s="81">
        <v>19</v>
      </c>
      <c r="C101" s="82" t="s">
        <v>4572</v>
      </c>
      <c r="D101" s="82" t="s">
        <v>4571</v>
      </c>
      <c r="E101" s="82" t="s">
        <v>5178</v>
      </c>
      <c r="F101" s="82" t="s">
        <v>4573</v>
      </c>
      <c r="G101" s="82" t="s">
        <v>4574</v>
      </c>
    </row>
    <row r="102" spans="1:7" s="83" customFormat="1" ht="45">
      <c r="A102" s="80">
        <v>101</v>
      </c>
      <c r="B102" s="81">
        <v>99</v>
      </c>
      <c r="C102" s="82"/>
      <c r="D102" s="82" t="s">
        <v>4575</v>
      </c>
      <c r="E102" s="82" t="s">
        <v>5179</v>
      </c>
      <c r="F102" s="82" t="s">
        <v>4576</v>
      </c>
      <c r="G102" s="82" t="s">
        <v>4541</v>
      </c>
    </row>
    <row r="103" spans="1:7" s="83" customFormat="1" ht="45">
      <c r="A103" s="80">
        <v>102</v>
      </c>
      <c r="B103" s="81">
        <v>95</v>
      </c>
      <c r="C103" s="82"/>
      <c r="D103" s="82" t="s">
        <v>4577</v>
      </c>
      <c r="E103" s="82" t="s">
        <v>5180</v>
      </c>
      <c r="F103" s="82" t="s">
        <v>4540</v>
      </c>
      <c r="G103" s="82" t="s">
        <v>4541</v>
      </c>
    </row>
    <row r="104" spans="1:7" s="83" customFormat="1" ht="45">
      <c r="A104" s="80">
        <v>103</v>
      </c>
      <c r="B104" s="81">
        <v>96</v>
      </c>
      <c r="C104" s="82"/>
      <c r="D104" s="82" t="s">
        <v>4577</v>
      </c>
      <c r="E104" s="82" t="s">
        <v>5181</v>
      </c>
      <c r="F104" s="82" t="s">
        <v>4496</v>
      </c>
      <c r="G104" s="82" t="s">
        <v>4541</v>
      </c>
    </row>
    <row r="105" spans="1:7" s="83" customFormat="1" ht="45">
      <c r="A105" s="80">
        <v>104</v>
      </c>
      <c r="B105" s="81">
        <v>94</v>
      </c>
      <c r="C105" s="82"/>
      <c r="D105" s="82" t="s">
        <v>4578</v>
      </c>
      <c r="E105" s="82" t="s">
        <v>5182</v>
      </c>
      <c r="F105" s="82" t="s">
        <v>4540</v>
      </c>
      <c r="G105" s="82" t="s">
        <v>4541</v>
      </c>
    </row>
    <row r="106" spans="1:7" s="83" customFormat="1" ht="60">
      <c r="A106" s="80">
        <v>105</v>
      </c>
      <c r="B106" s="81">
        <v>29</v>
      </c>
      <c r="C106" s="82" t="s">
        <v>4580</v>
      </c>
      <c r="D106" s="82" t="s">
        <v>4579</v>
      </c>
      <c r="E106" s="82" t="s">
        <v>5183</v>
      </c>
      <c r="F106" s="82" t="s">
        <v>4581</v>
      </c>
      <c r="G106" s="82" t="s">
        <v>4582</v>
      </c>
    </row>
    <row r="107" spans="1:7" s="83" customFormat="1" ht="60">
      <c r="A107" s="80">
        <v>106</v>
      </c>
      <c r="B107" s="81">
        <v>17</v>
      </c>
      <c r="C107" s="82"/>
      <c r="D107" s="82" t="s">
        <v>4583</v>
      </c>
      <c r="E107" s="82" t="s">
        <v>5168</v>
      </c>
      <c r="F107" s="82" t="s">
        <v>4584</v>
      </c>
      <c r="G107" s="82" t="s">
        <v>4585</v>
      </c>
    </row>
    <row r="108" spans="1:7" s="83" customFormat="1" ht="60">
      <c r="A108" s="80">
        <v>107</v>
      </c>
      <c r="B108" s="81">
        <v>16</v>
      </c>
      <c r="C108" s="82"/>
      <c r="D108" s="82" t="s">
        <v>4586</v>
      </c>
      <c r="E108" s="82" t="s">
        <v>5184</v>
      </c>
      <c r="F108" s="82" t="s">
        <v>4587</v>
      </c>
      <c r="G108" s="82" t="s">
        <v>4588</v>
      </c>
    </row>
    <row r="109" spans="1:7" s="83" customFormat="1" ht="60">
      <c r="A109" s="80">
        <v>108</v>
      </c>
      <c r="B109" s="81">
        <v>27</v>
      </c>
      <c r="C109" s="82"/>
      <c r="D109" s="82" t="s">
        <v>4589</v>
      </c>
      <c r="E109" s="82" t="s">
        <v>5185</v>
      </c>
      <c r="F109" s="82" t="s">
        <v>4590</v>
      </c>
      <c r="G109" s="82" t="s">
        <v>4591</v>
      </c>
    </row>
    <row r="110" spans="1:7" s="83" customFormat="1" ht="60">
      <c r="A110" s="80">
        <v>109</v>
      </c>
      <c r="B110" s="81">
        <v>50</v>
      </c>
      <c r="C110" s="82"/>
      <c r="D110" s="82" t="s">
        <v>4592</v>
      </c>
      <c r="E110" s="82" t="s">
        <v>5157</v>
      </c>
      <c r="F110" s="82" t="s">
        <v>4496</v>
      </c>
      <c r="G110" s="82" t="s">
        <v>4593</v>
      </c>
    </row>
    <row r="111" spans="1:7" s="83" customFormat="1" ht="60">
      <c r="A111" s="80">
        <v>110</v>
      </c>
      <c r="B111" s="81">
        <v>49</v>
      </c>
      <c r="C111" s="82" t="s">
        <v>4595</v>
      </c>
      <c r="D111" s="82" t="s">
        <v>4594</v>
      </c>
      <c r="E111" s="82" t="s">
        <v>5186</v>
      </c>
      <c r="F111" s="82" t="s">
        <v>4596</v>
      </c>
      <c r="G111" s="82" t="s">
        <v>4593</v>
      </c>
    </row>
    <row r="112" spans="1:7" s="83" customFormat="1" ht="75">
      <c r="A112" s="80">
        <v>111</v>
      </c>
      <c r="B112" s="81">
        <v>5</v>
      </c>
      <c r="C112" s="82" t="s">
        <v>4598</v>
      </c>
      <c r="D112" s="82" t="s">
        <v>4597</v>
      </c>
      <c r="E112" s="82" t="s">
        <v>5168</v>
      </c>
      <c r="F112" s="82" t="s">
        <v>4599</v>
      </c>
      <c r="G112" s="82" t="s">
        <v>4600</v>
      </c>
    </row>
    <row r="113" spans="1:7" s="83" customFormat="1" ht="60">
      <c r="A113" s="80">
        <v>112</v>
      </c>
      <c r="B113" s="81">
        <v>68</v>
      </c>
      <c r="C113" s="82" t="s">
        <v>4480</v>
      </c>
      <c r="D113" s="82" t="s">
        <v>4601</v>
      </c>
      <c r="E113" s="82" t="s">
        <v>5187</v>
      </c>
      <c r="F113" s="82" t="s">
        <v>4602</v>
      </c>
      <c r="G113" s="82" t="s">
        <v>4603</v>
      </c>
    </row>
    <row r="114" spans="1:7" s="83" customFormat="1" ht="60">
      <c r="A114" s="80">
        <v>113</v>
      </c>
      <c r="B114" s="81">
        <v>69</v>
      </c>
      <c r="C114" s="82" t="s">
        <v>4480</v>
      </c>
      <c r="D114" s="82" t="s">
        <v>4604</v>
      </c>
      <c r="E114" s="82" t="s">
        <v>5188</v>
      </c>
      <c r="F114" s="82" t="s">
        <v>4605</v>
      </c>
      <c r="G114" s="82" t="s">
        <v>4603</v>
      </c>
    </row>
    <row r="115" spans="1:7" s="83" customFormat="1" ht="75">
      <c r="A115" s="80">
        <v>114</v>
      </c>
      <c r="B115" s="81">
        <v>18</v>
      </c>
      <c r="C115" s="82" t="s">
        <v>4607</v>
      </c>
      <c r="D115" s="82" t="s">
        <v>4606</v>
      </c>
      <c r="E115" s="82" t="s">
        <v>5192</v>
      </c>
      <c r="F115" s="82" t="s">
        <v>4608</v>
      </c>
      <c r="G115" s="82" t="s">
        <v>4609</v>
      </c>
    </row>
    <row r="116" spans="1:7" s="83" customFormat="1" ht="60">
      <c r="A116" s="80">
        <v>115</v>
      </c>
      <c r="B116" s="81">
        <v>67</v>
      </c>
      <c r="C116" s="82"/>
      <c r="D116" s="82" t="s">
        <v>4610</v>
      </c>
      <c r="E116" s="82" t="s">
        <v>5193</v>
      </c>
      <c r="F116" s="82" t="s">
        <v>4611</v>
      </c>
      <c r="G116" s="82" t="s">
        <v>4612</v>
      </c>
    </row>
    <row r="117" spans="1:7" s="83" customFormat="1" ht="60">
      <c r="A117" s="80">
        <v>116</v>
      </c>
      <c r="B117" s="81">
        <v>3</v>
      </c>
      <c r="C117" s="82" t="s">
        <v>4614</v>
      </c>
      <c r="D117" s="82" t="s">
        <v>4613</v>
      </c>
      <c r="E117" s="82" t="s">
        <v>5194</v>
      </c>
      <c r="F117" s="82" t="s">
        <v>4615</v>
      </c>
      <c r="G117" s="82" t="s">
        <v>4616</v>
      </c>
    </row>
    <row r="118" spans="1:7" s="83" customFormat="1" ht="45">
      <c r="A118" s="80">
        <v>117</v>
      </c>
      <c r="B118" s="81">
        <v>79</v>
      </c>
      <c r="C118" s="82" t="s">
        <v>5189</v>
      </c>
      <c r="D118" s="82" t="s">
        <v>4617</v>
      </c>
      <c r="E118" s="82" t="s">
        <v>5195</v>
      </c>
      <c r="F118" s="82" t="s">
        <v>4618</v>
      </c>
      <c r="G118" s="82" t="s">
        <v>4536</v>
      </c>
    </row>
    <row r="119" spans="1:7" s="83" customFormat="1" ht="45">
      <c r="A119" s="80">
        <v>118</v>
      </c>
      <c r="B119" s="81">
        <v>57</v>
      </c>
      <c r="C119" s="82"/>
      <c r="D119" s="82" t="s">
        <v>4465</v>
      </c>
      <c r="E119" s="82" t="s">
        <v>5196</v>
      </c>
      <c r="F119" s="82" t="s">
        <v>5190</v>
      </c>
      <c r="G119" s="82" t="s">
        <v>4380</v>
      </c>
    </row>
    <row r="120" spans="1:7" s="83" customFormat="1" ht="45">
      <c r="A120" s="80">
        <v>119</v>
      </c>
      <c r="B120" s="81">
        <v>176</v>
      </c>
      <c r="C120" s="82" t="s">
        <v>4619</v>
      </c>
      <c r="D120" s="82" t="s">
        <v>4384</v>
      </c>
      <c r="E120" s="82" t="s">
        <v>5197</v>
      </c>
      <c r="F120" s="82" t="s">
        <v>4620</v>
      </c>
      <c r="G120" s="82" t="s">
        <v>4380</v>
      </c>
    </row>
    <row r="121" spans="1:7" s="83" customFormat="1" ht="45">
      <c r="A121" s="80">
        <v>120</v>
      </c>
      <c r="B121" s="81">
        <v>177</v>
      </c>
      <c r="C121" s="82" t="s">
        <v>4621</v>
      </c>
      <c r="D121" s="82" t="s">
        <v>4384</v>
      </c>
      <c r="E121" s="82" t="s">
        <v>5191</v>
      </c>
      <c r="F121" s="82" t="s">
        <v>4622</v>
      </c>
      <c r="G121" s="82" t="s">
        <v>4380</v>
      </c>
    </row>
    <row r="122" spans="1:7" s="83" customFormat="1" ht="45">
      <c r="A122" s="80">
        <v>121</v>
      </c>
      <c r="B122" s="81">
        <v>172</v>
      </c>
      <c r="C122" s="82" t="s">
        <v>4623</v>
      </c>
      <c r="D122" s="82" t="s">
        <v>4384</v>
      </c>
      <c r="E122" s="82" t="s">
        <v>5174</v>
      </c>
      <c r="F122" s="82" t="s">
        <v>4624</v>
      </c>
      <c r="G122" s="82" t="s">
        <v>4380</v>
      </c>
    </row>
    <row r="123" spans="1:7" s="83" customFormat="1" ht="45">
      <c r="A123" s="80">
        <v>122</v>
      </c>
      <c r="B123" s="81">
        <v>174</v>
      </c>
      <c r="C123" s="82" t="s">
        <v>4625</v>
      </c>
      <c r="D123" s="82" t="s">
        <v>4384</v>
      </c>
      <c r="E123" s="82" t="s">
        <v>5198</v>
      </c>
      <c r="F123" s="82" t="s">
        <v>4626</v>
      </c>
      <c r="G123" s="82" t="s">
        <v>4380</v>
      </c>
    </row>
    <row r="124" spans="1:7" s="83" customFormat="1" ht="45">
      <c r="A124" s="80">
        <v>123</v>
      </c>
      <c r="B124" s="81">
        <v>168</v>
      </c>
      <c r="C124" s="82" t="s">
        <v>4627</v>
      </c>
      <c r="D124" s="82" t="s">
        <v>4384</v>
      </c>
      <c r="E124" s="82" t="s">
        <v>5199</v>
      </c>
      <c r="F124" s="82" t="s">
        <v>4628</v>
      </c>
      <c r="G124" s="82" t="s">
        <v>4380</v>
      </c>
    </row>
    <row r="125" spans="1:7" s="83" customFormat="1" ht="45">
      <c r="A125" s="80">
        <v>124</v>
      </c>
      <c r="B125" s="81">
        <v>169</v>
      </c>
      <c r="C125" s="82" t="s">
        <v>4629</v>
      </c>
      <c r="D125" s="82" t="s">
        <v>4384</v>
      </c>
      <c r="E125" s="82" t="s">
        <v>5200</v>
      </c>
      <c r="F125" s="82" t="s">
        <v>4630</v>
      </c>
      <c r="G125" s="82" t="s">
        <v>4380</v>
      </c>
    </row>
    <row r="126" spans="1:7" s="83" customFormat="1" ht="45">
      <c r="A126" s="80">
        <v>125</v>
      </c>
      <c r="B126" s="81">
        <v>179</v>
      </c>
      <c r="C126" s="82" t="s">
        <v>4631</v>
      </c>
      <c r="D126" s="82" t="s">
        <v>4384</v>
      </c>
      <c r="E126" s="82" t="s">
        <v>5203</v>
      </c>
      <c r="F126" s="82" t="s">
        <v>4632</v>
      </c>
      <c r="G126" s="82" t="s">
        <v>4380</v>
      </c>
    </row>
    <row r="127" spans="1:7" s="83" customFormat="1" ht="45">
      <c r="A127" s="80">
        <v>126</v>
      </c>
      <c r="B127" s="81">
        <v>173</v>
      </c>
      <c r="C127" s="82" t="s">
        <v>4633</v>
      </c>
      <c r="D127" s="82" t="s">
        <v>4384</v>
      </c>
      <c r="E127" s="82" t="s">
        <v>5202</v>
      </c>
      <c r="F127" s="82" t="s">
        <v>4634</v>
      </c>
      <c r="G127" s="82" t="s">
        <v>4380</v>
      </c>
    </row>
    <row r="128" spans="1:7" s="83" customFormat="1" ht="45">
      <c r="A128" s="80">
        <v>127</v>
      </c>
      <c r="B128" s="81">
        <v>170</v>
      </c>
      <c r="C128" s="82" t="s">
        <v>4635</v>
      </c>
      <c r="D128" s="82" t="s">
        <v>4384</v>
      </c>
      <c r="E128" s="82" t="s">
        <v>5201</v>
      </c>
      <c r="F128" s="82" t="s">
        <v>4636</v>
      </c>
      <c r="G128" s="82" t="s">
        <v>4380</v>
      </c>
    </row>
    <row r="129" spans="1:7" s="83" customFormat="1" ht="45">
      <c r="A129" s="80">
        <v>128</v>
      </c>
      <c r="B129" s="81">
        <v>171</v>
      </c>
      <c r="C129" s="82" t="s">
        <v>4637</v>
      </c>
      <c r="D129" s="82" t="s">
        <v>4384</v>
      </c>
      <c r="E129" s="82" t="s">
        <v>5204</v>
      </c>
      <c r="F129" s="82" t="s">
        <v>4638</v>
      </c>
      <c r="G129" s="82" t="s">
        <v>4380</v>
      </c>
    </row>
    <row r="130" spans="1:7" s="83" customFormat="1" ht="45">
      <c r="A130" s="80">
        <v>129</v>
      </c>
      <c r="B130" s="81">
        <v>175</v>
      </c>
      <c r="C130" s="82" t="s">
        <v>4639</v>
      </c>
      <c r="D130" s="82" t="s">
        <v>4384</v>
      </c>
      <c r="E130" s="82" t="s">
        <v>5205</v>
      </c>
      <c r="F130" s="82" t="s">
        <v>4640</v>
      </c>
      <c r="G130" s="82" t="s">
        <v>4380</v>
      </c>
    </row>
    <row r="131" spans="1:7" s="83" customFormat="1" ht="45">
      <c r="A131" s="80">
        <v>130</v>
      </c>
      <c r="B131" s="81">
        <v>178</v>
      </c>
      <c r="C131" s="82" t="s">
        <v>4641</v>
      </c>
      <c r="D131" s="82" t="s">
        <v>4384</v>
      </c>
      <c r="E131" s="82" t="s">
        <v>5206</v>
      </c>
      <c r="F131" s="82" t="s">
        <v>4642</v>
      </c>
      <c r="G131" s="82" t="s">
        <v>4380</v>
      </c>
    </row>
    <row r="132" spans="1:7" s="83" customFormat="1" ht="45">
      <c r="A132" s="80">
        <v>131</v>
      </c>
      <c r="B132" s="81">
        <v>58</v>
      </c>
      <c r="C132" s="82" t="s">
        <v>4644</v>
      </c>
      <c r="D132" s="82" t="s">
        <v>4643</v>
      </c>
      <c r="E132" s="82" t="s">
        <v>5207</v>
      </c>
      <c r="F132" s="82" t="s">
        <v>4645</v>
      </c>
      <c r="G132" s="82" t="s">
        <v>4380</v>
      </c>
    </row>
    <row r="133" spans="1:7" s="83" customFormat="1" ht="75">
      <c r="A133" s="80">
        <v>132</v>
      </c>
      <c r="B133" s="81">
        <v>40</v>
      </c>
      <c r="C133" s="82" t="s">
        <v>4647</v>
      </c>
      <c r="D133" s="82" t="s">
        <v>4646</v>
      </c>
      <c r="E133" s="82" t="s">
        <v>5168</v>
      </c>
      <c r="F133" s="82" t="s">
        <v>4648</v>
      </c>
      <c r="G133" s="82" t="s">
        <v>4649</v>
      </c>
    </row>
    <row r="134" spans="1:7" s="83" customFormat="1" ht="45">
      <c r="A134" s="80">
        <v>133</v>
      </c>
      <c r="B134" s="81">
        <v>74</v>
      </c>
      <c r="C134" s="82" t="s">
        <v>4651</v>
      </c>
      <c r="D134" s="82" t="s">
        <v>4650</v>
      </c>
      <c r="E134" s="82" t="s">
        <v>5208</v>
      </c>
      <c r="F134" s="82" t="s">
        <v>4652</v>
      </c>
      <c r="G134" s="82" t="s">
        <v>4380</v>
      </c>
    </row>
    <row r="135" spans="1:7" s="83" customFormat="1" ht="45">
      <c r="A135" s="80">
        <v>134</v>
      </c>
      <c r="B135" s="81">
        <v>75</v>
      </c>
      <c r="C135" s="82" t="s">
        <v>4654</v>
      </c>
      <c r="D135" s="82" t="s">
        <v>4653</v>
      </c>
      <c r="E135" s="82" t="s">
        <v>5209</v>
      </c>
      <c r="F135" s="82" t="s">
        <v>4655</v>
      </c>
      <c r="G135" s="82" t="s">
        <v>4380</v>
      </c>
    </row>
    <row r="136" spans="1:7" s="83" customFormat="1" ht="75">
      <c r="A136" s="80">
        <v>135</v>
      </c>
      <c r="B136" s="81">
        <v>2</v>
      </c>
      <c r="C136" s="82"/>
      <c r="D136" s="82" t="s">
        <v>4656</v>
      </c>
      <c r="E136" s="82" t="s">
        <v>5210</v>
      </c>
      <c r="F136" s="82" t="s">
        <v>4540</v>
      </c>
      <c r="G136" s="82" t="s">
        <v>4657</v>
      </c>
    </row>
    <row r="137" spans="1:7" s="83" customFormat="1" ht="75">
      <c r="A137" s="80">
        <v>136</v>
      </c>
      <c r="B137" s="81">
        <v>1</v>
      </c>
      <c r="C137" s="82" t="s">
        <v>4530</v>
      </c>
      <c r="D137" s="82" t="s">
        <v>4658</v>
      </c>
      <c r="E137" s="82" t="s">
        <v>5211</v>
      </c>
      <c r="F137" s="82" t="s">
        <v>4659</v>
      </c>
      <c r="G137" s="82" t="s">
        <v>4657</v>
      </c>
    </row>
    <row r="138" spans="1:7" s="83" customFormat="1" ht="45">
      <c r="A138" s="80">
        <v>137</v>
      </c>
      <c r="B138" s="81">
        <v>77</v>
      </c>
      <c r="C138" s="82" t="s">
        <v>5212</v>
      </c>
      <c r="D138" s="82" t="s">
        <v>4660</v>
      </c>
      <c r="E138" s="82" t="s">
        <v>5157</v>
      </c>
      <c r="F138" s="82" t="s">
        <v>4661</v>
      </c>
      <c r="G138" s="82" t="s">
        <v>4536</v>
      </c>
    </row>
    <row r="139" spans="1:7" s="83" customFormat="1" ht="45">
      <c r="A139" s="80">
        <v>138</v>
      </c>
      <c r="B139" s="81">
        <v>81</v>
      </c>
      <c r="C139" s="82" t="s">
        <v>5213</v>
      </c>
      <c r="D139" s="82" t="s">
        <v>4662</v>
      </c>
      <c r="E139" s="82" t="s">
        <v>5157</v>
      </c>
      <c r="F139" s="82" t="s">
        <v>4663</v>
      </c>
      <c r="G139" s="82" t="s">
        <v>4536</v>
      </c>
    </row>
    <row r="140" spans="1:7" s="83" customFormat="1" ht="45">
      <c r="A140" s="80">
        <v>139</v>
      </c>
      <c r="B140" s="81"/>
      <c r="C140" s="82"/>
      <c r="D140" s="82" t="s">
        <v>4405</v>
      </c>
      <c r="E140" s="82" t="s">
        <v>5126</v>
      </c>
      <c r="F140" s="82"/>
      <c r="G140" s="82" t="s">
        <v>4536</v>
      </c>
    </row>
    <row r="141" spans="1:7" s="83" customFormat="1" ht="45">
      <c r="A141" s="80">
        <v>140</v>
      </c>
      <c r="B141" s="81"/>
      <c r="C141" s="82"/>
      <c r="D141" s="82" t="s">
        <v>4458</v>
      </c>
      <c r="E141" s="82" t="s">
        <v>5127</v>
      </c>
      <c r="F141" s="82"/>
      <c r="G141" s="82" t="s">
        <v>4536</v>
      </c>
    </row>
    <row r="142" spans="1:7" s="83" customFormat="1" ht="60">
      <c r="A142" s="80">
        <v>141</v>
      </c>
      <c r="B142" s="81">
        <v>4</v>
      </c>
      <c r="C142" s="82" t="s">
        <v>4665</v>
      </c>
      <c r="D142" s="82" t="s">
        <v>4664</v>
      </c>
      <c r="E142" s="82" t="s">
        <v>5214</v>
      </c>
      <c r="F142" s="82" t="s">
        <v>4666</v>
      </c>
      <c r="G142" s="82" t="s">
        <v>4667</v>
      </c>
    </row>
    <row r="143" spans="1:7" s="83" customFormat="1" ht="45">
      <c r="A143" s="80">
        <v>142</v>
      </c>
      <c r="B143" s="81">
        <v>91</v>
      </c>
      <c r="C143" s="82" t="s">
        <v>5215</v>
      </c>
      <c r="D143" s="82" t="s">
        <v>4668</v>
      </c>
      <c r="E143" s="82" t="s">
        <v>5157</v>
      </c>
      <c r="F143" s="82" t="s">
        <v>4669</v>
      </c>
      <c r="G143" s="82" t="s">
        <v>4670</v>
      </c>
    </row>
    <row r="144" spans="1:7" s="83" customFormat="1" ht="75">
      <c r="A144" s="80">
        <v>143</v>
      </c>
      <c r="B144" s="81">
        <v>10</v>
      </c>
      <c r="C144" s="82" t="s">
        <v>4672</v>
      </c>
      <c r="D144" s="82" t="s">
        <v>4671</v>
      </c>
      <c r="E144" s="82" t="s">
        <v>5174</v>
      </c>
      <c r="F144" s="82" t="s">
        <v>5216</v>
      </c>
      <c r="G144" s="82" t="s">
        <v>4673</v>
      </c>
    </row>
    <row r="145" spans="1:7" s="83" customFormat="1" ht="75">
      <c r="A145" s="80">
        <v>144</v>
      </c>
      <c r="B145" s="81">
        <v>52</v>
      </c>
      <c r="C145" s="82" t="s">
        <v>4674</v>
      </c>
      <c r="D145" s="82" t="s">
        <v>4502</v>
      </c>
      <c r="E145" s="82" t="s">
        <v>5217</v>
      </c>
      <c r="F145" s="82" t="s">
        <v>4675</v>
      </c>
      <c r="G145" s="82" t="s">
        <v>4676</v>
      </c>
    </row>
    <row r="146" spans="1:7" s="83" customFormat="1" ht="75">
      <c r="A146" s="80">
        <v>145</v>
      </c>
      <c r="B146" s="81">
        <v>6</v>
      </c>
      <c r="C146" s="82" t="s">
        <v>4672</v>
      </c>
      <c r="D146" s="82" t="s">
        <v>4393</v>
      </c>
      <c r="E146" s="82" t="s">
        <v>5218</v>
      </c>
      <c r="F146" s="82" t="s">
        <v>5229</v>
      </c>
      <c r="G146" s="82" t="s">
        <v>4673</v>
      </c>
    </row>
    <row r="147" spans="1:7" s="83" customFormat="1" ht="75">
      <c r="A147" s="80">
        <v>146</v>
      </c>
      <c r="B147" s="81">
        <v>8</v>
      </c>
      <c r="C147" s="82" t="s">
        <v>4672</v>
      </c>
      <c r="D147" s="82" t="s">
        <v>4393</v>
      </c>
      <c r="E147" s="82" t="s">
        <v>5219</v>
      </c>
      <c r="F147" s="82" t="s">
        <v>5228</v>
      </c>
      <c r="G147" s="82" t="s">
        <v>4673</v>
      </c>
    </row>
    <row r="148" spans="1:7" s="83" customFormat="1" ht="75">
      <c r="A148" s="80">
        <v>147</v>
      </c>
      <c r="B148" s="81">
        <v>9</v>
      </c>
      <c r="C148" s="82" t="s">
        <v>4672</v>
      </c>
      <c r="D148" s="82" t="s">
        <v>4393</v>
      </c>
      <c r="E148" s="82" t="s">
        <v>5128</v>
      </c>
      <c r="F148" s="82" t="s">
        <v>4677</v>
      </c>
      <c r="G148" s="82" t="s">
        <v>4673</v>
      </c>
    </row>
    <row r="149" spans="1:7" s="83" customFormat="1" ht="45">
      <c r="A149" s="80">
        <v>149</v>
      </c>
      <c r="B149" s="81">
        <v>85</v>
      </c>
      <c r="C149" s="82"/>
      <c r="D149" s="82" t="s">
        <v>4678</v>
      </c>
      <c r="E149" s="82" t="s">
        <v>5221</v>
      </c>
      <c r="F149" s="82" t="s">
        <v>4679</v>
      </c>
      <c r="G149" s="82" t="s">
        <v>4536</v>
      </c>
    </row>
    <row r="150" spans="1:7" s="83" customFormat="1" ht="45">
      <c r="A150" s="80">
        <v>150</v>
      </c>
      <c r="B150" s="81">
        <v>84</v>
      </c>
      <c r="C150" s="82" t="s">
        <v>5220</v>
      </c>
      <c r="D150" s="82" t="s">
        <v>4678</v>
      </c>
      <c r="E150" s="82" t="s">
        <v>5222</v>
      </c>
      <c r="F150" s="82" t="s">
        <v>4680</v>
      </c>
      <c r="G150" s="82" t="s">
        <v>4536</v>
      </c>
    </row>
    <row r="151" spans="1:7" s="83" customFormat="1" ht="45">
      <c r="A151" s="80">
        <v>151</v>
      </c>
      <c r="B151" s="81"/>
      <c r="C151" s="82"/>
      <c r="D151" s="82" t="s">
        <v>4458</v>
      </c>
      <c r="E151" s="82" t="s">
        <v>5129</v>
      </c>
      <c r="F151" s="82"/>
      <c r="G151" s="82" t="s">
        <v>4536</v>
      </c>
    </row>
    <row r="152" spans="1:7" s="83" customFormat="1" ht="45">
      <c r="A152" s="80">
        <v>152</v>
      </c>
      <c r="B152" s="81"/>
      <c r="C152" s="82"/>
      <c r="D152" s="82" t="s">
        <v>4458</v>
      </c>
      <c r="E152" s="82" t="s">
        <v>5126</v>
      </c>
      <c r="F152" s="82" t="s">
        <v>5223</v>
      </c>
      <c r="G152" s="82" t="s">
        <v>4536</v>
      </c>
    </row>
    <row r="153" spans="1:7" s="83" customFormat="1" ht="45">
      <c r="A153" s="80">
        <v>153</v>
      </c>
      <c r="B153" s="81"/>
      <c r="C153" s="82"/>
      <c r="D153" s="82" t="s">
        <v>4681</v>
      </c>
      <c r="E153" s="82" t="s">
        <v>5126</v>
      </c>
      <c r="F153" s="82"/>
      <c r="G153" s="82" t="s">
        <v>4536</v>
      </c>
    </row>
    <row r="154" spans="1:7" s="83" customFormat="1" ht="45">
      <c r="A154" s="80">
        <v>154</v>
      </c>
      <c r="B154" s="81"/>
      <c r="C154" s="82"/>
      <c r="D154" s="82" t="s">
        <v>4682</v>
      </c>
      <c r="E154" s="82" t="s">
        <v>5126</v>
      </c>
      <c r="F154" s="82"/>
      <c r="G154" s="82" t="s">
        <v>4536</v>
      </c>
    </row>
    <row r="155" spans="1:7" s="83" customFormat="1" ht="45">
      <c r="A155" s="80">
        <v>155</v>
      </c>
      <c r="B155" s="81"/>
      <c r="C155" s="82"/>
      <c r="D155" s="82" t="s">
        <v>4683</v>
      </c>
      <c r="E155" s="82" t="s">
        <v>5130</v>
      </c>
      <c r="F155" s="82"/>
      <c r="G155" s="82" t="s">
        <v>4536</v>
      </c>
    </row>
    <row r="156" spans="1:7" s="83" customFormat="1" ht="45">
      <c r="A156" s="80">
        <v>156</v>
      </c>
      <c r="B156" s="81"/>
      <c r="C156" s="82" t="s">
        <v>5224</v>
      </c>
      <c r="D156" s="82" t="s">
        <v>4684</v>
      </c>
      <c r="E156" s="82" t="s">
        <v>5131</v>
      </c>
      <c r="F156" s="82" t="s">
        <v>5225</v>
      </c>
      <c r="G156" s="82" t="s">
        <v>4536</v>
      </c>
    </row>
    <row r="157" spans="1:7" s="83" customFormat="1" ht="45">
      <c r="A157" s="80">
        <v>157</v>
      </c>
      <c r="B157" s="81"/>
      <c r="C157" s="82"/>
      <c r="D157" s="82" t="s">
        <v>4685</v>
      </c>
      <c r="E157" s="82" t="s">
        <v>5132</v>
      </c>
      <c r="F157" s="82"/>
      <c r="G157" s="82" t="s">
        <v>4536</v>
      </c>
    </row>
    <row r="158" spans="1:7" s="83" customFormat="1" ht="45">
      <c r="A158" s="80">
        <v>158</v>
      </c>
      <c r="B158" s="81"/>
      <c r="C158" s="82"/>
      <c r="D158" s="82" t="s">
        <v>4685</v>
      </c>
      <c r="E158" s="82" t="s">
        <v>5133</v>
      </c>
      <c r="F158" s="82"/>
      <c r="G158" s="82" t="s">
        <v>4536</v>
      </c>
    </row>
    <row r="159" spans="1:7" s="83" customFormat="1" ht="45">
      <c r="A159" s="80">
        <v>159</v>
      </c>
      <c r="B159" s="81"/>
      <c r="C159" s="82"/>
      <c r="D159" s="82" t="s">
        <v>4686</v>
      </c>
      <c r="E159" s="82" t="s">
        <v>5134</v>
      </c>
      <c r="F159" s="82"/>
      <c r="G159" s="82" t="s">
        <v>4536</v>
      </c>
    </row>
    <row r="160" spans="1:7" s="83" customFormat="1" ht="45">
      <c r="A160" s="80">
        <v>160</v>
      </c>
      <c r="B160" s="81"/>
      <c r="C160" s="82" t="s">
        <v>5226</v>
      </c>
      <c r="D160" s="82" t="s">
        <v>4687</v>
      </c>
      <c r="E160" s="82" t="s">
        <v>5126</v>
      </c>
      <c r="F160" s="82" t="s">
        <v>5227</v>
      </c>
      <c r="G160" s="82" t="s">
        <v>4536</v>
      </c>
    </row>
    <row r="161" spans="1:7" s="83" customFormat="1" ht="45">
      <c r="A161" s="80">
        <v>162</v>
      </c>
      <c r="B161" s="81"/>
      <c r="C161" s="82" t="s">
        <v>4688</v>
      </c>
      <c r="D161" s="82" t="s">
        <v>4684</v>
      </c>
      <c r="E161" s="82" t="s">
        <v>5126</v>
      </c>
      <c r="F161" s="82" t="s">
        <v>4689</v>
      </c>
      <c r="G161" s="82" t="s">
        <v>4541</v>
      </c>
    </row>
    <row r="162" spans="1:7" s="83" customFormat="1" ht="45">
      <c r="A162" s="80">
        <v>163</v>
      </c>
      <c r="B162" s="81"/>
      <c r="C162" s="82"/>
      <c r="D162" s="82" t="s">
        <v>4684</v>
      </c>
      <c r="E162" s="82" t="s">
        <v>5135</v>
      </c>
      <c r="F162" s="82"/>
      <c r="G162" s="82" t="s">
        <v>4541</v>
      </c>
    </row>
    <row r="163" spans="1:7" s="83" customFormat="1" ht="78.75">
      <c r="A163" s="80">
        <v>164</v>
      </c>
      <c r="B163" s="81"/>
      <c r="C163" s="82" t="s">
        <v>5230</v>
      </c>
      <c r="D163" s="82" t="s">
        <v>4690</v>
      </c>
      <c r="E163" s="84" t="s">
        <v>5136</v>
      </c>
      <c r="F163" s="82" t="s">
        <v>5231</v>
      </c>
      <c r="G163" s="82" t="s">
        <v>4691</v>
      </c>
    </row>
    <row r="164" spans="1:7" s="83" customFormat="1" ht="94.5">
      <c r="A164" s="80">
        <v>165</v>
      </c>
      <c r="B164" s="81"/>
      <c r="C164" s="82" t="s">
        <v>5232</v>
      </c>
      <c r="D164" s="82" t="s">
        <v>4539</v>
      </c>
      <c r="E164" s="85" t="s">
        <v>5137</v>
      </c>
      <c r="F164" s="82" t="s">
        <v>5233</v>
      </c>
      <c r="G164" s="82" t="s">
        <v>4691</v>
      </c>
    </row>
    <row r="165" spans="1:7" s="83" customFormat="1" ht="94.5">
      <c r="A165" s="80">
        <v>166</v>
      </c>
      <c r="B165" s="81"/>
      <c r="C165" s="82" t="s">
        <v>5234</v>
      </c>
      <c r="D165" s="82" t="s">
        <v>4692</v>
      </c>
      <c r="E165" s="85" t="s">
        <v>5138</v>
      </c>
      <c r="F165" s="82" t="s">
        <v>5235</v>
      </c>
      <c r="G165" s="82" t="s">
        <v>4691</v>
      </c>
    </row>
    <row r="166" spans="1:7" s="83" customFormat="1" ht="94.5">
      <c r="A166" s="80">
        <v>167</v>
      </c>
      <c r="B166" s="81"/>
      <c r="C166" s="82" t="s">
        <v>5236</v>
      </c>
      <c r="D166" s="82" t="s">
        <v>4693</v>
      </c>
      <c r="E166" s="85" t="s">
        <v>5139</v>
      </c>
      <c r="F166" s="82" t="s">
        <v>5237</v>
      </c>
      <c r="G166" s="82" t="s">
        <v>4691</v>
      </c>
    </row>
    <row r="167" spans="1:7" s="83" customFormat="1" ht="60">
      <c r="A167" s="80">
        <v>168</v>
      </c>
      <c r="B167" s="81">
        <v>38</v>
      </c>
      <c r="C167" s="82" t="s">
        <v>5238</v>
      </c>
      <c r="D167" s="82" t="s">
        <v>5240</v>
      </c>
      <c r="E167" s="82" t="s">
        <v>5242</v>
      </c>
      <c r="F167" s="82" t="s">
        <v>5239</v>
      </c>
      <c r="G167" s="82" t="s">
        <v>4694</v>
      </c>
    </row>
    <row r="168" spans="1:7" s="83" customFormat="1" ht="30">
      <c r="A168" s="80">
        <v>169</v>
      </c>
      <c r="B168" s="81">
        <v>62</v>
      </c>
      <c r="C168" s="82"/>
      <c r="D168" s="82" t="s">
        <v>4404</v>
      </c>
      <c r="E168" s="82" t="s">
        <v>5242</v>
      </c>
      <c r="F168" s="82" t="s">
        <v>4695</v>
      </c>
      <c r="G168" s="82"/>
    </row>
    <row r="169" spans="1:7" s="83" customFormat="1" ht="45">
      <c r="A169" s="80">
        <v>170</v>
      </c>
      <c r="B169" s="81">
        <v>22</v>
      </c>
      <c r="C169" s="82" t="s">
        <v>4696</v>
      </c>
      <c r="D169" s="82" t="s">
        <v>4411</v>
      </c>
      <c r="E169" s="82" t="s">
        <v>5242</v>
      </c>
      <c r="F169" s="82" t="s">
        <v>4697</v>
      </c>
      <c r="G169" s="82" t="s">
        <v>4380</v>
      </c>
    </row>
    <row r="170" spans="1:7" s="83" customFormat="1" ht="45">
      <c r="A170" s="80">
        <v>171</v>
      </c>
      <c r="B170" s="81">
        <v>23</v>
      </c>
      <c r="C170" s="82" t="s">
        <v>4696</v>
      </c>
      <c r="D170" s="82" t="s">
        <v>4411</v>
      </c>
      <c r="E170" s="82" t="s">
        <v>5242</v>
      </c>
      <c r="F170" s="82" t="s">
        <v>4698</v>
      </c>
      <c r="G170" s="82" t="s">
        <v>4380</v>
      </c>
    </row>
    <row r="171" spans="1:7" s="83" customFormat="1" ht="45">
      <c r="A171" s="80">
        <v>172</v>
      </c>
      <c r="B171" s="81">
        <v>80</v>
      </c>
      <c r="C171" s="82" t="s">
        <v>5241</v>
      </c>
      <c r="D171" s="82" t="s">
        <v>4699</v>
      </c>
      <c r="E171" s="82" t="s">
        <v>5157</v>
      </c>
      <c r="F171" s="82" t="s">
        <v>4700</v>
      </c>
      <c r="G171" s="82" t="s">
        <v>4536</v>
      </c>
    </row>
    <row r="172" spans="1:7" s="83" customFormat="1" ht="45">
      <c r="A172" s="80">
        <v>173</v>
      </c>
      <c r="B172" s="81"/>
      <c r="C172" s="82"/>
      <c r="D172" s="82" t="s">
        <v>4701</v>
      </c>
      <c r="E172" s="82" t="s">
        <v>5126</v>
      </c>
      <c r="F172" s="82" t="s">
        <v>5243</v>
      </c>
      <c r="G172" s="82" t="s">
        <v>4536</v>
      </c>
    </row>
    <row r="173" spans="1:7" s="83" customFormat="1" ht="45">
      <c r="A173" s="80">
        <v>174</v>
      </c>
      <c r="B173" s="81">
        <v>78</v>
      </c>
      <c r="C173" s="82" t="s">
        <v>5244</v>
      </c>
      <c r="D173" s="82" t="s">
        <v>4702</v>
      </c>
      <c r="E173" s="82" t="s">
        <v>5157</v>
      </c>
      <c r="F173" s="82" t="s">
        <v>4703</v>
      </c>
      <c r="G173" s="82" t="s">
        <v>4536</v>
      </c>
    </row>
    <row r="174" spans="1:7" s="83" customFormat="1" ht="45">
      <c r="A174" s="80">
        <v>175</v>
      </c>
      <c r="B174" s="81"/>
      <c r="C174" s="82"/>
      <c r="D174" s="82" t="s">
        <v>4690</v>
      </c>
      <c r="E174" s="82" t="s">
        <v>5126</v>
      </c>
      <c r="F174" s="82" t="s">
        <v>5245</v>
      </c>
      <c r="G174" s="82" t="s">
        <v>4536</v>
      </c>
    </row>
    <row r="175" spans="1:7" s="83" customFormat="1" ht="60">
      <c r="A175" s="80">
        <v>176</v>
      </c>
      <c r="B175" s="81">
        <v>28</v>
      </c>
      <c r="C175" s="82" t="s">
        <v>4705</v>
      </c>
      <c r="D175" s="82" t="s">
        <v>4704</v>
      </c>
      <c r="E175" s="82" t="s">
        <v>5246</v>
      </c>
      <c r="F175" s="82" t="s">
        <v>4706</v>
      </c>
      <c r="G175" s="82" t="s">
        <v>4582</v>
      </c>
    </row>
    <row r="176" spans="1:7" s="83" customFormat="1" ht="60">
      <c r="A176" s="80">
        <v>177</v>
      </c>
      <c r="B176" s="81">
        <v>72</v>
      </c>
      <c r="C176" s="82"/>
      <c r="D176" s="82" t="s">
        <v>4707</v>
      </c>
      <c r="E176" s="82" t="s">
        <v>5248</v>
      </c>
      <c r="F176" s="82" t="s">
        <v>4708</v>
      </c>
      <c r="G176" s="82" t="s">
        <v>4709</v>
      </c>
    </row>
    <row r="177" spans="1:7" s="83" customFormat="1" ht="45">
      <c r="A177" s="80">
        <v>178</v>
      </c>
      <c r="B177" s="81">
        <v>25</v>
      </c>
      <c r="C177" s="82" t="s">
        <v>4711</v>
      </c>
      <c r="D177" s="82" t="s">
        <v>4710</v>
      </c>
      <c r="E177" s="82" t="s">
        <v>5247</v>
      </c>
      <c r="F177" s="82" t="s">
        <v>4712</v>
      </c>
      <c r="G177" s="82" t="s">
        <v>4380</v>
      </c>
    </row>
    <row r="178" spans="1:7" s="83" customFormat="1" ht="75">
      <c r="A178" s="80">
        <v>179</v>
      </c>
      <c r="B178" s="81"/>
      <c r="C178" s="82"/>
      <c r="D178" s="82" t="s">
        <v>4710</v>
      </c>
      <c r="E178" s="82" t="s">
        <v>5249</v>
      </c>
      <c r="F178" s="82" t="s">
        <v>4713</v>
      </c>
      <c r="G178" s="82" t="s">
        <v>4519</v>
      </c>
    </row>
    <row r="179" spans="1:7" s="83" customFormat="1" ht="90">
      <c r="A179" s="80">
        <v>180</v>
      </c>
      <c r="B179" s="81"/>
      <c r="C179" s="82"/>
      <c r="D179" s="82" t="s">
        <v>4710</v>
      </c>
      <c r="E179" s="82" t="s">
        <v>5249</v>
      </c>
      <c r="F179" s="82" t="s">
        <v>4714</v>
      </c>
      <c r="G179" s="82" t="s">
        <v>4715</v>
      </c>
    </row>
    <row r="180" spans="1:7" s="83" customFormat="1" ht="75">
      <c r="A180" s="80">
        <v>181</v>
      </c>
      <c r="B180" s="81">
        <v>56</v>
      </c>
      <c r="C180" s="82"/>
      <c r="D180" s="82" t="s">
        <v>4716</v>
      </c>
      <c r="E180" s="82" t="s">
        <v>5250</v>
      </c>
      <c r="F180" s="82" t="s">
        <v>4717</v>
      </c>
      <c r="G180" s="82" t="s">
        <v>4718</v>
      </c>
    </row>
    <row r="181" spans="1:7" s="83" customFormat="1" ht="45">
      <c r="A181" s="80">
        <v>182</v>
      </c>
      <c r="B181" s="81">
        <v>55</v>
      </c>
      <c r="C181" s="82" t="s">
        <v>4720</v>
      </c>
      <c r="D181" s="82" t="s">
        <v>4719</v>
      </c>
      <c r="E181" s="82" t="s">
        <v>5242</v>
      </c>
      <c r="F181" s="82" t="s">
        <v>4721</v>
      </c>
      <c r="G181" s="82" t="s">
        <v>4380</v>
      </c>
    </row>
    <row r="182" spans="1:7" s="83" customFormat="1" ht="75">
      <c r="A182" s="80">
        <v>183</v>
      </c>
      <c r="B182" s="81"/>
      <c r="C182" s="82"/>
      <c r="D182" s="82" t="s">
        <v>4719</v>
      </c>
      <c r="E182" s="82" t="s">
        <v>5249</v>
      </c>
      <c r="F182" s="82" t="s">
        <v>4722</v>
      </c>
      <c r="G182" s="82" t="s">
        <v>4723</v>
      </c>
    </row>
    <row r="183" spans="1:7" s="83" customFormat="1" ht="90">
      <c r="A183" s="80">
        <v>184</v>
      </c>
      <c r="B183" s="81"/>
      <c r="C183" s="82"/>
      <c r="D183" s="82" t="s">
        <v>4719</v>
      </c>
      <c r="E183" s="82" t="s">
        <v>5140</v>
      </c>
      <c r="F183" s="82" t="s">
        <v>4724</v>
      </c>
      <c r="G183" s="82" t="s">
        <v>4725</v>
      </c>
    </row>
    <row r="184" spans="1:7" s="83" customFormat="1" ht="45">
      <c r="A184" s="80">
        <v>185</v>
      </c>
      <c r="B184" s="81">
        <v>86</v>
      </c>
      <c r="C184" s="82" t="s">
        <v>5251</v>
      </c>
      <c r="D184" s="82" t="s">
        <v>4726</v>
      </c>
      <c r="E184" s="82" t="s">
        <v>5255</v>
      </c>
      <c r="F184" s="82" t="s">
        <v>5253</v>
      </c>
      <c r="G184" s="82" t="s">
        <v>4536</v>
      </c>
    </row>
    <row r="185" spans="1:7" s="83" customFormat="1" ht="45">
      <c r="A185" s="80">
        <v>186</v>
      </c>
      <c r="B185" s="81">
        <v>87</v>
      </c>
      <c r="C185" s="82" t="s">
        <v>5252</v>
      </c>
      <c r="D185" s="82" t="s">
        <v>4726</v>
      </c>
      <c r="E185" s="82" t="s">
        <v>5255</v>
      </c>
      <c r="F185" s="82" t="s">
        <v>5254</v>
      </c>
      <c r="G185" s="82" t="s">
        <v>4536</v>
      </c>
    </row>
    <row r="186" spans="1:7" s="83" customFormat="1" ht="75">
      <c r="A186" s="80">
        <v>187</v>
      </c>
      <c r="B186" s="81">
        <v>42</v>
      </c>
      <c r="C186" s="82"/>
      <c r="D186" s="82" t="s">
        <v>4727</v>
      </c>
      <c r="E186" s="82" t="s">
        <v>5210</v>
      </c>
      <c r="F186" s="82" t="s">
        <v>4496</v>
      </c>
      <c r="G186" s="82" t="s">
        <v>4523</v>
      </c>
    </row>
    <row r="187" spans="1:7" s="83" customFormat="1" ht="75">
      <c r="A187" s="80">
        <v>188</v>
      </c>
      <c r="B187" s="81">
        <v>43</v>
      </c>
      <c r="C187" s="82" t="s">
        <v>4521</v>
      </c>
      <c r="D187" s="82" t="s">
        <v>4520</v>
      </c>
      <c r="E187" s="82" t="s">
        <v>5256</v>
      </c>
      <c r="F187" s="82" t="s">
        <v>4728</v>
      </c>
      <c r="G187" s="82" t="s">
        <v>4523</v>
      </c>
    </row>
    <row r="188" spans="1:7" s="83" customFormat="1" ht="60">
      <c r="A188" s="80">
        <v>189</v>
      </c>
      <c r="B188" s="81">
        <v>60</v>
      </c>
      <c r="C188" s="82" t="s">
        <v>5257</v>
      </c>
      <c r="D188" s="82" t="s">
        <v>4381</v>
      </c>
      <c r="E188" s="82" t="s">
        <v>5258</v>
      </c>
      <c r="F188" s="82" t="s">
        <v>4729</v>
      </c>
      <c r="G188" s="82" t="s">
        <v>4380</v>
      </c>
    </row>
    <row r="189" spans="1:7" s="83" customFormat="1" ht="45">
      <c r="A189" s="80">
        <v>190</v>
      </c>
      <c r="B189" s="81">
        <v>157</v>
      </c>
      <c r="C189" s="82" t="s">
        <v>4731</v>
      </c>
      <c r="D189" s="82" t="s">
        <v>4730</v>
      </c>
      <c r="E189" s="82" t="s">
        <v>5259</v>
      </c>
      <c r="F189" s="82" t="s">
        <v>4732</v>
      </c>
      <c r="G189" s="82" t="s">
        <v>4733</v>
      </c>
    </row>
    <row r="190" spans="1:7" s="83" customFormat="1" ht="45">
      <c r="A190" s="80">
        <v>191</v>
      </c>
      <c r="B190" s="81">
        <v>157</v>
      </c>
      <c r="C190" s="82" t="s">
        <v>4734</v>
      </c>
      <c r="D190" s="82" t="s">
        <v>4730</v>
      </c>
      <c r="E190" s="82" t="s">
        <v>5260</v>
      </c>
      <c r="F190" s="82" t="s">
        <v>4735</v>
      </c>
      <c r="G190" s="82" t="s">
        <v>4736</v>
      </c>
    </row>
    <row r="191" spans="1:7" s="83" customFormat="1" ht="45">
      <c r="A191" s="80">
        <v>192</v>
      </c>
      <c r="B191" s="81">
        <v>200</v>
      </c>
      <c r="C191" s="86" t="s">
        <v>4738</v>
      </c>
      <c r="D191" s="82" t="s">
        <v>4737</v>
      </c>
      <c r="E191" s="86" t="s">
        <v>5261</v>
      </c>
      <c r="F191" s="82" t="s">
        <v>4739</v>
      </c>
      <c r="G191" s="82" t="s">
        <v>4380</v>
      </c>
    </row>
    <row r="192" spans="1:7" s="83" customFormat="1" ht="75">
      <c r="A192" s="80">
        <v>193</v>
      </c>
      <c r="B192" s="81">
        <v>201</v>
      </c>
      <c r="C192" s="86" t="s">
        <v>4740</v>
      </c>
      <c r="D192" s="82" t="s">
        <v>4737</v>
      </c>
      <c r="E192" s="86" t="s">
        <v>5261</v>
      </c>
      <c r="F192" s="82" t="s">
        <v>4741</v>
      </c>
      <c r="G192" s="82" t="s">
        <v>4742</v>
      </c>
    </row>
    <row r="193" spans="1:7" s="83" customFormat="1" ht="45">
      <c r="A193" s="80">
        <v>194</v>
      </c>
      <c r="B193" s="81">
        <v>202</v>
      </c>
      <c r="C193" s="86" t="s">
        <v>4743</v>
      </c>
      <c r="D193" s="82" t="s">
        <v>4737</v>
      </c>
      <c r="E193" s="86" t="s">
        <v>5261</v>
      </c>
      <c r="F193" s="82" t="s">
        <v>4744</v>
      </c>
      <c r="G193" s="82" t="s">
        <v>4380</v>
      </c>
    </row>
    <row r="194" spans="1:7" s="83" customFormat="1" ht="75">
      <c r="A194" s="80">
        <v>195</v>
      </c>
      <c r="B194" s="81">
        <v>195</v>
      </c>
      <c r="C194" s="86" t="s">
        <v>5262</v>
      </c>
      <c r="D194" s="82" t="s">
        <v>4745</v>
      </c>
      <c r="E194" s="86" t="s">
        <v>5141</v>
      </c>
      <c r="F194" s="82" t="s">
        <v>4746</v>
      </c>
      <c r="G194" s="82" t="s">
        <v>4380</v>
      </c>
    </row>
    <row r="195" spans="1:7" s="83" customFormat="1" ht="45">
      <c r="A195" s="80">
        <v>196</v>
      </c>
      <c r="B195" s="81">
        <v>197</v>
      </c>
      <c r="C195" s="86" t="s">
        <v>4748</v>
      </c>
      <c r="D195" s="82" t="s">
        <v>4747</v>
      </c>
      <c r="E195" s="82" t="s">
        <v>5263</v>
      </c>
      <c r="F195" s="82" t="s">
        <v>4749</v>
      </c>
      <c r="G195" s="82" t="s">
        <v>4380</v>
      </c>
    </row>
    <row r="196" spans="1:7" s="83" customFormat="1" ht="45">
      <c r="A196" s="80">
        <v>197</v>
      </c>
      <c r="B196" s="81">
        <v>197</v>
      </c>
      <c r="C196" s="86" t="s">
        <v>4751</v>
      </c>
      <c r="D196" s="82" t="s">
        <v>4750</v>
      </c>
      <c r="E196" s="82" t="s">
        <v>5264</v>
      </c>
      <c r="F196" s="82" t="s">
        <v>4752</v>
      </c>
      <c r="G196" s="82" t="s">
        <v>4380</v>
      </c>
    </row>
    <row r="197" spans="1:7" s="83" customFormat="1" ht="45">
      <c r="A197" s="80">
        <v>198</v>
      </c>
      <c r="B197" s="81">
        <v>197</v>
      </c>
      <c r="C197" s="86" t="s">
        <v>4756</v>
      </c>
      <c r="D197" s="82" t="s">
        <v>4755</v>
      </c>
      <c r="E197" s="82" t="s">
        <v>5265</v>
      </c>
      <c r="F197" s="82" t="s">
        <v>4757</v>
      </c>
      <c r="G197" s="82" t="s">
        <v>4380</v>
      </c>
    </row>
    <row r="198" spans="1:7" s="83" customFormat="1" ht="45">
      <c r="A198" s="80">
        <v>199</v>
      </c>
      <c r="B198" s="81">
        <v>198</v>
      </c>
      <c r="C198" s="86" t="s">
        <v>4759</v>
      </c>
      <c r="D198" s="82" t="s">
        <v>4758</v>
      </c>
      <c r="E198" s="82" t="s">
        <v>5266</v>
      </c>
      <c r="F198" s="82" t="s">
        <v>4760</v>
      </c>
      <c r="G198" s="82" t="s">
        <v>4380</v>
      </c>
    </row>
    <row r="199" spans="1:7" s="83" customFormat="1" ht="45">
      <c r="A199" s="80">
        <v>200</v>
      </c>
      <c r="B199" s="81">
        <v>199</v>
      </c>
      <c r="C199" s="86"/>
      <c r="D199" s="82" t="s">
        <v>4761</v>
      </c>
      <c r="E199" s="82" t="s">
        <v>5118</v>
      </c>
      <c r="F199" s="86"/>
      <c r="G199" s="82" t="s">
        <v>4380</v>
      </c>
    </row>
    <row r="200" spans="1:7" s="83" customFormat="1" ht="45">
      <c r="A200" s="80">
        <v>201</v>
      </c>
      <c r="B200" s="81">
        <v>200</v>
      </c>
      <c r="C200" s="86"/>
      <c r="D200" s="82" t="s">
        <v>4762</v>
      </c>
      <c r="E200" s="82" t="s">
        <v>5118</v>
      </c>
      <c r="F200" s="86"/>
      <c r="G200" s="82" t="s">
        <v>4380</v>
      </c>
    </row>
    <row r="201" spans="1:7" s="83" customFormat="1" ht="45">
      <c r="A201" s="80">
        <v>202</v>
      </c>
      <c r="B201" s="81">
        <v>201</v>
      </c>
      <c r="C201" s="86"/>
      <c r="D201" s="82" t="s">
        <v>4763</v>
      </c>
      <c r="E201" s="82" t="s">
        <v>5118</v>
      </c>
      <c r="F201" s="86"/>
      <c r="G201" s="82" t="s">
        <v>4380</v>
      </c>
    </row>
    <row r="202" spans="1:7" s="83" customFormat="1" ht="75">
      <c r="A202" s="80">
        <v>203</v>
      </c>
      <c r="B202" s="81">
        <v>202</v>
      </c>
      <c r="C202" s="86" t="s">
        <v>4765</v>
      </c>
      <c r="D202" s="82" t="s">
        <v>4764</v>
      </c>
      <c r="E202" s="82" t="s">
        <v>5267</v>
      </c>
      <c r="F202" s="82" t="s">
        <v>4766</v>
      </c>
      <c r="G202" s="82" t="s">
        <v>4380</v>
      </c>
    </row>
    <row r="203" spans="1:7" s="83" customFormat="1" ht="75">
      <c r="A203" s="80">
        <v>204</v>
      </c>
      <c r="B203" s="81">
        <v>203</v>
      </c>
      <c r="C203" s="86" t="s">
        <v>4767</v>
      </c>
      <c r="D203" s="82" t="s">
        <v>4764</v>
      </c>
      <c r="E203" s="82" t="s">
        <v>5267</v>
      </c>
      <c r="F203" s="82" t="s">
        <v>4768</v>
      </c>
      <c r="G203" s="82" t="s">
        <v>4380</v>
      </c>
    </row>
    <row r="204" spans="1:7" s="83" customFormat="1" ht="45">
      <c r="A204" s="80">
        <v>205</v>
      </c>
      <c r="B204" s="81">
        <v>204</v>
      </c>
      <c r="C204" s="86" t="s">
        <v>4770</v>
      </c>
      <c r="D204" s="82" t="s">
        <v>4769</v>
      </c>
      <c r="E204" s="82" t="s">
        <v>5268</v>
      </c>
      <c r="F204" s="82" t="s">
        <v>4771</v>
      </c>
      <c r="G204" s="82" t="s">
        <v>4380</v>
      </c>
    </row>
    <row r="205" spans="1:7" s="83" customFormat="1" ht="45">
      <c r="A205" s="80">
        <v>206</v>
      </c>
      <c r="B205" s="81">
        <v>205</v>
      </c>
      <c r="C205" s="86" t="s">
        <v>4773</v>
      </c>
      <c r="D205" s="82" t="s">
        <v>4772</v>
      </c>
      <c r="E205" s="82" t="s">
        <v>5269</v>
      </c>
      <c r="F205" s="82" t="s">
        <v>4774</v>
      </c>
      <c r="G205" s="82" t="s">
        <v>4380</v>
      </c>
    </row>
    <row r="206" spans="1:7" s="83" customFormat="1" ht="45">
      <c r="A206" s="80">
        <v>207</v>
      </c>
      <c r="B206" s="81">
        <v>206</v>
      </c>
      <c r="C206" s="86" t="s">
        <v>4776</v>
      </c>
      <c r="D206" s="82" t="s">
        <v>4775</v>
      </c>
      <c r="E206" s="82" t="s">
        <v>5270</v>
      </c>
      <c r="F206" s="82" t="s">
        <v>4777</v>
      </c>
      <c r="G206" s="82" t="s">
        <v>4380</v>
      </c>
    </row>
    <row r="207" spans="1:7" s="83" customFormat="1" ht="45">
      <c r="A207" s="80">
        <v>208</v>
      </c>
      <c r="B207" s="81">
        <v>208</v>
      </c>
      <c r="C207" s="86" t="s">
        <v>4779</v>
      </c>
      <c r="D207" s="82" t="s">
        <v>4778</v>
      </c>
      <c r="E207" s="82" t="s">
        <v>5266</v>
      </c>
      <c r="F207" s="82" t="s">
        <v>4407</v>
      </c>
      <c r="G207" s="82" t="s">
        <v>4380</v>
      </c>
    </row>
    <row r="208" spans="1:7" s="83" customFormat="1" ht="45">
      <c r="A208" s="80">
        <v>209</v>
      </c>
      <c r="B208" s="81">
        <v>209</v>
      </c>
      <c r="C208" s="86" t="s">
        <v>4781</v>
      </c>
      <c r="D208" s="82" t="s">
        <v>4780</v>
      </c>
      <c r="E208" s="82" t="s">
        <v>5270</v>
      </c>
      <c r="F208" s="82" t="s">
        <v>4782</v>
      </c>
      <c r="G208" s="82" t="s">
        <v>4380</v>
      </c>
    </row>
    <row r="209" spans="1:7" s="83" customFormat="1" ht="45">
      <c r="A209" s="80">
        <v>210</v>
      </c>
      <c r="B209" s="81">
        <v>212</v>
      </c>
      <c r="C209" s="86" t="s">
        <v>4784</v>
      </c>
      <c r="D209" s="82" t="s">
        <v>4783</v>
      </c>
      <c r="E209" s="82" t="s">
        <v>5271</v>
      </c>
      <c r="F209" s="82" t="s">
        <v>4785</v>
      </c>
      <c r="G209" s="82" t="s">
        <v>4380</v>
      </c>
    </row>
    <row r="210" spans="1:7" s="83" customFormat="1" ht="45">
      <c r="A210" s="80">
        <v>211</v>
      </c>
      <c r="B210" s="81">
        <v>213</v>
      </c>
      <c r="C210" s="86" t="s">
        <v>4787</v>
      </c>
      <c r="D210" s="82" t="s">
        <v>4786</v>
      </c>
      <c r="E210" s="82" t="s">
        <v>5272</v>
      </c>
      <c r="F210" s="82" t="s">
        <v>4788</v>
      </c>
      <c r="G210" s="82" t="s">
        <v>4380</v>
      </c>
    </row>
    <row r="211" spans="1:7" s="83" customFormat="1" ht="45">
      <c r="A211" s="80">
        <v>212</v>
      </c>
      <c r="B211" s="81">
        <v>214</v>
      </c>
      <c r="C211" s="86" t="s">
        <v>4790</v>
      </c>
      <c r="D211" s="82" t="s">
        <v>4789</v>
      </c>
      <c r="E211" s="82" t="s">
        <v>5268</v>
      </c>
      <c r="F211" s="82" t="s">
        <v>4791</v>
      </c>
      <c r="G211" s="82" t="s">
        <v>4380</v>
      </c>
    </row>
    <row r="212" spans="1:7" s="83" customFormat="1" ht="60">
      <c r="A212" s="80">
        <v>213</v>
      </c>
      <c r="B212" s="81">
        <v>215</v>
      </c>
      <c r="C212" s="86" t="s">
        <v>4793</v>
      </c>
      <c r="D212" s="82" t="s">
        <v>4792</v>
      </c>
      <c r="E212" s="82" t="s">
        <v>5273</v>
      </c>
      <c r="F212" s="82" t="s">
        <v>4794</v>
      </c>
      <c r="G212" s="82" t="s">
        <v>4380</v>
      </c>
    </row>
    <row r="213" spans="1:7" s="83" customFormat="1" ht="60">
      <c r="A213" s="80">
        <v>214</v>
      </c>
      <c r="B213" s="81">
        <v>216</v>
      </c>
      <c r="C213" s="86" t="s">
        <v>4796</v>
      </c>
      <c r="D213" s="82" t="s">
        <v>4795</v>
      </c>
      <c r="E213" s="82" t="s">
        <v>5274</v>
      </c>
      <c r="F213" s="82" t="s">
        <v>4797</v>
      </c>
      <c r="G213" s="82" t="s">
        <v>4380</v>
      </c>
    </row>
    <row r="214" spans="1:7" s="83" customFormat="1" ht="60">
      <c r="A214" s="80">
        <v>215</v>
      </c>
      <c r="B214" s="81">
        <v>217</v>
      </c>
      <c r="C214" s="86" t="s">
        <v>4798</v>
      </c>
      <c r="D214" s="82" t="s">
        <v>4795</v>
      </c>
      <c r="E214" s="82" t="s">
        <v>5275</v>
      </c>
      <c r="F214" s="82" t="s">
        <v>4799</v>
      </c>
      <c r="G214" s="82" t="s">
        <v>4380</v>
      </c>
    </row>
    <row r="215" spans="1:7" s="83" customFormat="1" ht="60">
      <c r="A215" s="80">
        <v>216</v>
      </c>
      <c r="B215" s="81">
        <v>218</v>
      </c>
      <c r="C215" s="86" t="s">
        <v>4801</v>
      </c>
      <c r="D215" s="82" t="s">
        <v>4800</v>
      </c>
      <c r="E215" s="82" t="s">
        <v>5268</v>
      </c>
      <c r="F215" s="82" t="s">
        <v>4802</v>
      </c>
      <c r="G215" s="82" t="s">
        <v>4380</v>
      </c>
    </row>
    <row r="216" spans="1:7" s="83" customFormat="1" ht="45">
      <c r="A216" s="80">
        <v>217</v>
      </c>
      <c r="B216" s="81">
        <v>219</v>
      </c>
      <c r="C216" s="86" t="s">
        <v>4804</v>
      </c>
      <c r="D216" s="82" t="s">
        <v>4803</v>
      </c>
      <c r="E216" s="82" t="s">
        <v>5269</v>
      </c>
      <c r="F216" s="82" t="s">
        <v>4805</v>
      </c>
      <c r="G216" s="82" t="s">
        <v>4380</v>
      </c>
    </row>
    <row r="217" spans="1:7" s="83" customFormat="1" ht="45">
      <c r="A217" s="80">
        <v>218</v>
      </c>
      <c r="B217" s="81">
        <v>220</v>
      </c>
      <c r="C217" s="86" t="s">
        <v>4807</v>
      </c>
      <c r="D217" s="82" t="s">
        <v>4806</v>
      </c>
      <c r="E217" s="82" t="s">
        <v>5276</v>
      </c>
      <c r="F217" s="82" t="s">
        <v>4808</v>
      </c>
      <c r="G217" s="82" t="s">
        <v>4380</v>
      </c>
    </row>
    <row r="218" spans="1:7" s="83" customFormat="1" ht="75">
      <c r="A218" s="80">
        <v>219</v>
      </c>
      <c r="B218" s="81">
        <v>221</v>
      </c>
      <c r="C218" s="86" t="s">
        <v>4809</v>
      </c>
      <c r="D218" s="82" t="s">
        <v>4806</v>
      </c>
      <c r="E218" s="82" t="s">
        <v>5277</v>
      </c>
      <c r="F218" s="82" t="s">
        <v>4810</v>
      </c>
      <c r="G218" s="82" t="s">
        <v>4380</v>
      </c>
    </row>
    <row r="219" spans="1:7" s="83" customFormat="1" ht="45">
      <c r="A219" s="80">
        <v>220</v>
      </c>
      <c r="B219" s="81">
        <v>222</v>
      </c>
      <c r="C219" s="86" t="s">
        <v>4812</v>
      </c>
      <c r="D219" s="82" t="s">
        <v>4811</v>
      </c>
      <c r="E219" s="82" t="s">
        <v>5278</v>
      </c>
      <c r="F219" s="82" t="s">
        <v>4813</v>
      </c>
      <c r="G219" s="82" t="s">
        <v>4380</v>
      </c>
    </row>
    <row r="220" spans="1:7" s="83" customFormat="1" ht="45">
      <c r="A220" s="80">
        <v>221</v>
      </c>
      <c r="B220" s="81">
        <v>223</v>
      </c>
      <c r="C220" s="86" t="s">
        <v>4815</v>
      </c>
      <c r="D220" s="82" t="s">
        <v>4814</v>
      </c>
      <c r="E220" s="82" t="s">
        <v>5279</v>
      </c>
      <c r="F220" s="82" t="s">
        <v>4816</v>
      </c>
      <c r="G220" s="82" t="s">
        <v>4380</v>
      </c>
    </row>
    <row r="221" spans="1:7" s="83" customFormat="1" ht="45">
      <c r="A221" s="80">
        <v>222</v>
      </c>
      <c r="B221" s="81">
        <v>224</v>
      </c>
      <c r="C221" s="86" t="s">
        <v>4818</v>
      </c>
      <c r="D221" s="82" t="s">
        <v>4817</v>
      </c>
      <c r="E221" s="82" t="s">
        <v>5280</v>
      </c>
      <c r="F221" s="82" t="s">
        <v>4819</v>
      </c>
      <c r="G221" s="82" t="s">
        <v>4380</v>
      </c>
    </row>
    <row r="222" spans="1:7" s="83" customFormat="1" ht="45">
      <c r="A222" s="80">
        <v>223</v>
      </c>
      <c r="B222" s="81">
        <v>225</v>
      </c>
      <c r="C222" s="86" t="s">
        <v>4821</v>
      </c>
      <c r="D222" s="82" t="s">
        <v>4820</v>
      </c>
      <c r="E222" s="82" t="s">
        <v>5281</v>
      </c>
      <c r="F222" s="82" t="s">
        <v>4822</v>
      </c>
      <c r="G222" s="82" t="s">
        <v>4380</v>
      </c>
    </row>
    <row r="223" spans="1:7" s="83" customFormat="1" ht="45">
      <c r="A223" s="80">
        <v>224</v>
      </c>
      <c r="B223" s="81">
        <v>226</v>
      </c>
      <c r="C223" s="86" t="s">
        <v>4824</v>
      </c>
      <c r="D223" s="82" t="s">
        <v>4823</v>
      </c>
      <c r="E223" s="82" t="s">
        <v>5268</v>
      </c>
      <c r="F223" s="82" t="s">
        <v>4825</v>
      </c>
      <c r="G223" s="82" t="s">
        <v>4380</v>
      </c>
    </row>
    <row r="224" spans="1:7" s="83" customFormat="1" ht="45">
      <c r="A224" s="80">
        <v>225</v>
      </c>
      <c r="B224" s="81">
        <v>227</v>
      </c>
      <c r="C224" s="86" t="s">
        <v>4827</v>
      </c>
      <c r="D224" s="82" t="s">
        <v>4826</v>
      </c>
      <c r="E224" s="82" t="s">
        <v>5282</v>
      </c>
      <c r="F224" s="82" t="s">
        <v>4828</v>
      </c>
      <c r="G224" s="82" t="s">
        <v>4380</v>
      </c>
    </row>
    <row r="225" spans="1:7" s="83" customFormat="1" ht="45">
      <c r="A225" s="80">
        <v>226</v>
      </c>
      <c r="B225" s="81">
        <v>228</v>
      </c>
      <c r="C225" s="86" t="s">
        <v>4830</v>
      </c>
      <c r="D225" s="82" t="s">
        <v>4829</v>
      </c>
      <c r="E225" s="82" t="s">
        <v>5283</v>
      </c>
      <c r="F225" s="82" t="s">
        <v>4831</v>
      </c>
      <c r="G225" s="82" t="s">
        <v>4380</v>
      </c>
    </row>
    <row r="226" spans="1:7" s="83" customFormat="1" ht="45">
      <c r="A226" s="80">
        <v>227</v>
      </c>
      <c r="B226" s="81">
        <v>229</v>
      </c>
      <c r="C226" s="86" t="s">
        <v>4833</v>
      </c>
      <c r="D226" s="82" t="s">
        <v>4832</v>
      </c>
      <c r="E226" s="82" t="s">
        <v>5284</v>
      </c>
      <c r="F226" s="82" t="s">
        <v>4834</v>
      </c>
      <c r="G226" s="82" t="s">
        <v>4380</v>
      </c>
    </row>
    <row r="227" spans="1:7" s="83" customFormat="1" ht="45">
      <c r="A227" s="80">
        <v>228</v>
      </c>
      <c r="B227" s="81">
        <v>230</v>
      </c>
      <c r="C227" s="86" t="s">
        <v>4836</v>
      </c>
      <c r="D227" s="82" t="s">
        <v>4835</v>
      </c>
      <c r="E227" s="82" t="s">
        <v>5285</v>
      </c>
      <c r="F227" s="82" t="s">
        <v>4837</v>
      </c>
      <c r="G227" s="82" t="s">
        <v>4380</v>
      </c>
    </row>
    <row r="228" spans="1:7" s="83" customFormat="1" ht="45">
      <c r="A228" s="80">
        <v>229</v>
      </c>
      <c r="B228" s="81">
        <v>231</v>
      </c>
      <c r="C228" s="86" t="s">
        <v>4839</v>
      </c>
      <c r="D228" s="82" t="s">
        <v>4838</v>
      </c>
      <c r="E228" s="82" t="s">
        <v>5286</v>
      </c>
      <c r="F228" s="82" t="s">
        <v>4840</v>
      </c>
      <c r="G228" s="82" t="s">
        <v>4380</v>
      </c>
    </row>
    <row r="229" spans="1:7" s="83" customFormat="1" ht="45">
      <c r="A229" s="80">
        <v>230</v>
      </c>
      <c r="B229" s="81">
        <v>232</v>
      </c>
      <c r="C229" s="86" t="s">
        <v>4842</v>
      </c>
      <c r="D229" s="82" t="s">
        <v>4841</v>
      </c>
      <c r="E229" s="82" t="s">
        <v>5269</v>
      </c>
      <c r="F229" s="82" t="s">
        <v>4843</v>
      </c>
      <c r="G229" s="82" t="s">
        <v>4380</v>
      </c>
    </row>
    <row r="230" spans="1:7" s="83" customFormat="1" ht="45">
      <c r="A230" s="80">
        <v>231</v>
      </c>
      <c r="B230" s="81">
        <v>233</v>
      </c>
      <c r="C230" s="86" t="s">
        <v>4845</v>
      </c>
      <c r="D230" s="82" t="s">
        <v>4844</v>
      </c>
      <c r="E230" s="82" t="s">
        <v>5268</v>
      </c>
      <c r="F230" s="82" t="s">
        <v>4846</v>
      </c>
      <c r="G230" s="82" t="s">
        <v>4380</v>
      </c>
    </row>
    <row r="231" spans="1:7" s="83" customFormat="1" ht="45">
      <c r="A231" s="80">
        <v>232</v>
      </c>
      <c r="B231" s="81">
        <v>234</v>
      </c>
      <c r="C231" s="86" t="s">
        <v>4848</v>
      </c>
      <c r="D231" s="82" t="s">
        <v>4847</v>
      </c>
      <c r="E231" s="82" t="s">
        <v>5287</v>
      </c>
      <c r="F231" s="82" t="s">
        <v>4849</v>
      </c>
      <c r="G231" s="82" t="s">
        <v>4380</v>
      </c>
    </row>
    <row r="232" spans="1:7" s="83" customFormat="1" ht="45">
      <c r="A232" s="80">
        <v>233</v>
      </c>
      <c r="B232" s="81">
        <v>235</v>
      </c>
      <c r="C232" s="86" t="s">
        <v>4851</v>
      </c>
      <c r="D232" s="82" t="s">
        <v>4850</v>
      </c>
      <c r="E232" s="82" t="s">
        <v>5269</v>
      </c>
      <c r="F232" s="82" t="s">
        <v>4852</v>
      </c>
      <c r="G232" s="82" t="s">
        <v>4380</v>
      </c>
    </row>
    <row r="233" spans="1:7" s="83" customFormat="1" ht="45">
      <c r="A233" s="80">
        <v>234</v>
      </c>
      <c r="B233" s="81">
        <v>236</v>
      </c>
      <c r="C233" s="86" t="s">
        <v>4854</v>
      </c>
      <c r="D233" s="82" t="s">
        <v>4853</v>
      </c>
      <c r="E233" s="82" t="s">
        <v>5281</v>
      </c>
      <c r="F233" s="82" t="s">
        <v>4855</v>
      </c>
      <c r="G233" s="82" t="s">
        <v>4380</v>
      </c>
    </row>
    <row r="234" spans="1:7" s="83" customFormat="1" ht="60">
      <c r="A234" s="80">
        <v>235</v>
      </c>
      <c r="B234" s="81">
        <v>237</v>
      </c>
      <c r="C234" s="86" t="s">
        <v>4857</v>
      </c>
      <c r="D234" s="82" t="s">
        <v>4856</v>
      </c>
      <c r="E234" s="82" t="s">
        <v>5288</v>
      </c>
      <c r="F234" s="82" t="s">
        <v>4858</v>
      </c>
      <c r="G234" s="82" t="s">
        <v>4859</v>
      </c>
    </row>
    <row r="235" spans="1:7" s="83" customFormat="1" ht="45">
      <c r="A235" s="80">
        <v>236</v>
      </c>
      <c r="B235" s="81">
        <v>238</v>
      </c>
      <c r="C235" s="86" t="s">
        <v>4861</v>
      </c>
      <c r="D235" s="82" t="s">
        <v>4860</v>
      </c>
      <c r="E235" s="82" t="s">
        <v>5289</v>
      </c>
      <c r="F235" s="82" t="s">
        <v>4862</v>
      </c>
      <c r="G235" s="82" t="s">
        <v>4863</v>
      </c>
    </row>
    <row r="236" spans="1:7" s="83" customFormat="1" ht="45">
      <c r="A236" s="80">
        <v>237</v>
      </c>
      <c r="B236" s="81">
        <v>240</v>
      </c>
      <c r="C236" s="86" t="s">
        <v>4864</v>
      </c>
      <c r="D236" s="82" t="s">
        <v>4753</v>
      </c>
      <c r="E236" s="82" t="s">
        <v>5290</v>
      </c>
      <c r="F236" s="82" t="s">
        <v>4760</v>
      </c>
      <c r="G236" s="82" t="s">
        <v>4380</v>
      </c>
    </row>
    <row r="237" spans="1:7" s="83" customFormat="1" ht="60">
      <c r="A237" s="80">
        <v>238</v>
      </c>
      <c r="B237" s="81">
        <v>247</v>
      </c>
      <c r="C237" s="82" t="s">
        <v>4867</v>
      </c>
      <c r="D237" s="82" t="s">
        <v>4866</v>
      </c>
      <c r="E237" s="82" t="s">
        <v>5291</v>
      </c>
      <c r="F237" s="82" t="s">
        <v>4865</v>
      </c>
      <c r="G237" s="86" t="s">
        <v>4868</v>
      </c>
    </row>
    <row r="238" spans="1:7" s="83" customFormat="1" ht="45">
      <c r="A238" s="80">
        <v>239</v>
      </c>
      <c r="B238" s="81">
        <v>248</v>
      </c>
      <c r="C238" s="86" t="s">
        <v>5292</v>
      </c>
      <c r="D238" s="82" t="s">
        <v>4869</v>
      </c>
      <c r="E238" s="82" t="s">
        <v>5293</v>
      </c>
      <c r="F238" s="82" t="s">
        <v>4870</v>
      </c>
      <c r="G238" s="82" t="s">
        <v>4871</v>
      </c>
    </row>
    <row r="239" spans="1:7" s="83" customFormat="1" ht="45">
      <c r="A239" s="80">
        <v>240</v>
      </c>
      <c r="B239" s="81">
        <v>249</v>
      </c>
      <c r="C239" s="86" t="s">
        <v>4873</v>
      </c>
      <c r="D239" s="82" t="s">
        <v>4872</v>
      </c>
      <c r="E239" s="82" t="s">
        <v>5294</v>
      </c>
      <c r="F239" s="82" t="s">
        <v>4874</v>
      </c>
      <c r="G239" s="82" t="s">
        <v>4380</v>
      </c>
    </row>
    <row r="240" spans="1:7" s="83" customFormat="1" ht="45">
      <c r="A240" s="80">
        <v>241</v>
      </c>
      <c r="B240" s="81">
        <v>250</v>
      </c>
      <c r="C240" s="86"/>
      <c r="D240" s="82" t="s">
        <v>4875</v>
      </c>
      <c r="E240" s="82" t="s">
        <v>5118</v>
      </c>
      <c r="F240" s="86"/>
      <c r="G240" s="82" t="s">
        <v>4380</v>
      </c>
    </row>
    <row r="241" spans="1:7" s="83" customFormat="1" ht="45">
      <c r="A241" s="80">
        <v>242</v>
      </c>
      <c r="B241" s="81">
        <v>251</v>
      </c>
      <c r="C241" s="86"/>
      <c r="D241" s="82" t="s">
        <v>4876</v>
      </c>
      <c r="E241" s="82" t="s">
        <v>5118</v>
      </c>
      <c r="F241" s="86"/>
      <c r="G241" s="82" t="s">
        <v>4380</v>
      </c>
    </row>
    <row r="242" spans="1:7" s="83" customFormat="1" ht="45">
      <c r="A242" s="80">
        <v>243</v>
      </c>
      <c r="B242" s="81">
        <v>252</v>
      </c>
      <c r="C242" s="86"/>
      <c r="D242" s="82" t="s">
        <v>4877</v>
      </c>
      <c r="E242" s="82" t="s">
        <v>5118</v>
      </c>
      <c r="F242" s="86"/>
      <c r="G242" s="82" t="s">
        <v>4380</v>
      </c>
    </row>
    <row r="243" spans="1:7" s="83" customFormat="1" ht="45">
      <c r="A243" s="80">
        <v>244</v>
      </c>
      <c r="B243" s="81">
        <v>253</v>
      </c>
      <c r="C243" s="86"/>
      <c r="D243" s="82" t="s">
        <v>4878</v>
      </c>
      <c r="E243" s="82" t="s">
        <v>5118</v>
      </c>
      <c r="F243" s="86"/>
      <c r="G243" s="82" t="s">
        <v>4380</v>
      </c>
    </row>
    <row r="244" spans="1:7" s="83" customFormat="1" ht="60">
      <c r="A244" s="80">
        <v>245</v>
      </c>
      <c r="B244" s="81">
        <v>257</v>
      </c>
      <c r="C244" s="82" t="s">
        <v>4879</v>
      </c>
      <c r="D244" s="82" t="s">
        <v>4424</v>
      </c>
      <c r="E244" s="82" t="s">
        <v>5295</v>
      </c>
      <c r="F244" s="82" t="s">
        <v>4880</v>
      </c>
      <c r="G244" s="82" t="s">
        <v>4380</v>
      </c>
    </row>
    <row r="245" spans="1:7" s="83" customFormat="1" ht="60">
      <c r="A245" s="80">
        <v>246</v>
      </c>
      <c r="B245" s="81">
        <v>258</v>
      </c>
      <c r="C245" s="82" t="s">
        <v>4881</v>
      </c>
      <c r="D245" s="82" t="s">
        <v>4424</v>
      </c>
      <c r="E245" s="82" t="s">
        <v>5296</v>
      </c>
      <c r="F245" s="82" t="s">
        <v>4882</v>
      </c>
      <c r="G245" s="82" t="s">
        <v>4380</v>
      </c>
    </row>
    <row r="246" spans="1:7" s="83" customFormat="1" ht="45">
      <c r="A246" s="80">
        <v>247</v>
      </c>
      <c r="B246" s="81">
        <v>259</v>
      </c>
      <c r="C246" s="82" t="s">
        <v>4884</v>
      </c>
      <c r="D246" s="82" t="s">
        <v>4883</v>
      </c>
      <c r="E246" s="82" t="s">
        <v>5268</v>
      </c>
      <c r="F246" s="82" t="s">
        <v>4885</v>
      </c>
      <c r="G246" s="82" t="s">
        <v>4733</v>
      </c>
    </row>
    <row r="247" spans="1:7" s="83" customFormat="1" ht="45">
      <c r="A247" s="80">
        <v>248</v>
      </c>
      <c r="B247" s="81">
        <v>260</v>
      </c>
      <c r="C247" s="82" t="s">
        <v>4887</v>
      </c>
      <c r="D247" s="82" t="s">
        <v>4886</v>
      </c>
      <c r="E247" s="82" t="s">
        <v>5268</v>
      </c>
      <c r="F247" s="82" t="s">
        <v>4888</v>
      </c>
      <c r="G247" s="82" t="s">
        <v>4733</v>
      </c>
    </row>
    <row r="248" spans="1:7" s="83" customFormat="1" ht="45">
      <c r="A248" s="80">
        <v>249</v>
      </c>
      <c r="B248" s="81">
        <v>261</v>
      </c>
      <c r="C248" s="82" t="s">
        <v>4890</v>
      </c>
      <c r="D248" s="82" t="s">
        <v>4889</v>
      </c>
      <c r="E248" s="82" t="s">
        <v>5268</v>
      </c>
      <c r="F248" s="82" t="s">
        <v>4891</v>
      </c>
      <c r="G248" s="82" t="s">
        <v>4733</v>
      </c>
    </row>
    <row r="249" spans="1:7" s="83" customFormat="1" ht="60">
      <c r="A249" s="80">
        <v>250</v>
      </c>
      <c r="B249" s="81">
        <v>262</v>
      </c>
      <c r="C249" s="82" t="s">
        <v>4892</v>
      </c>
      <c r="D249" s="82" t="s">
        <v>4424</v>
      </c>
      <c r="E249" s="82" t="s">
        <v>5297</v>
      </c>
      <c r="F249" s="82" t="s">
        <v>4893</v>
      </c>
      <c r="G249" s="82" t="s">
        <v>4380</v>
      </c>
    </row>
    <row r="250" spans="1:7" s="83" customFormat="1" ht="45">
      <c r="A250" s="80">
        <v>251</v>
      </c>
      <c r="B250" s="81">
        <v>263</v>
      </c>
      <c r="C250" s="82" t="s">
        <v>4895</v>
      </c>
      <c r="D250" s="82" t="s">
        <v>4894</v>
      </c>
      <c r="E250" s="82" t="s">
        <v>5268</v>
      </c>
      <c r="F250" s="82" t="s">
        <v>4896</v>
      </c>
      <c r="G250" s="82" t="s">
        <v>4733</v>
      </c>
    </row>
    <row r="251" spans="1:7" s="83" customFormat="1" ht="45">
      <c r="A251" s="80">
        <v>252</v>
      </c>
      <c r="B251" s="81">
        <v>264</v>
      </c>
      <c r="C251" s="82" t="s">
        <v>4897</v>
      </c>
      <c r="D251" s="82" t="s">
        <v>4527</v>
      </c>
      <c r="E251" s="82" t="s">
        <v>5268</v>
      </c>
      <c r="F251" s="82" t="s">
        <v>4898</v>
      </c>
      <c r="G251" s="82" t="s">
        <v>4733</v>
      </c>
    </row>
    <row r="252" spans="1:7" s="83" customFormat="1" ht="45">
      <c r="A252" s="80">
        <v>253</v>
      </c>
      <c r="B252" s="81">
        <v>265</v>
      </c>
      <c r="C252" s="82" t="s">
        <v>4900</v>
      </c>
      <c r="D252" s="82" t="s">
        <v>4899</v>
      </c>
      <c r="E252" s="82" t="s">
        <v>5268</v>
      </c>
      <c r="F252" s="82" t="s">
        <v>4901</v>
      </c>
      <c r="G252" s="82" t="s">
        <v>4733</v>
      </c>
    </row>
    <row r="253" spans="1:7" s="83" customFormat="1" ht="45">
      <c r="A253" s="80">
        <v>254</v>
      </c>
      <c r="B253" s="81">
        <v>266</v>
      </c>
      <c r="C253" s="82" t="s">
        <v>4903</v>
      </c>
      <c r="D253" s="82" t="s">
        <v>4902</v>
      </c>
      <c r="E253" s="82" t="s">
        <v>5268</v>
      </c>
      <c r="F253" s="82" t="s">
        <v>4904</v>
      </c>
      <c r="G253" s="82" t="s">
        <v>4733</v>
      </c>
    </row>
    <row r="254" spans="1:7" s="83" customFormat="1" ht="45">
      <c r="A254" s="80">
        <v>255</v>
      </c>
      <c r="B254" s="81">
        <v>273</v>
      </c>
      <c r="C254" s="82" t="s">
        <v>4906</v>
      </c>
      <c r="D254" s="82" t="s">
        <v>4905</v>
      </c>
      <c r="E254" s="82" t="s">
        <v>5298</v>
      </c>
      <c r="F254" s="82" t="s">
        <v>4907</v>
      </c>
      <c r="G254" s="82" t="s">
        <v>4733</v>
      </c>
    </row>
    <row r="255" spans="1:7" s="83" customFormat="1" ht="45">
      <c r="A255" s="80">
        <v>256</v>
      </c>
      <c r="B255" s="81">
        <v>274</v>
      </c>
      <c r="C255" s="82" t="s">
        <v>4908</v>
      </c>
      <c r="D255" s="82" t="s">
        <v>4844</v>
      </c>
      <c r="E255" s="82" t="s">
        <v>5268</v>
      </c>
      <c r="F255" s="82" t="s">
        <v>4909</v>
      </c>
      <c r="G255" s="82" t="s">
        <v>4910</v>
      </c>
    </row>
    <row r="256" spans="1:7" s="83" customFormat="1" ht="45">
      <c r="A256" s="80">
        <v>257</v>
      </c>
      <c r="B256" s="81">
        <v>275</v>
      </c>
      <c r="C256" s="82" t="s">
        <v>4912</v>
      </c>
      <c r="D256" s="82" t="s">
        <v>4911</v>
      </c>
      <c r="E256" s="82" t="s">
        <v>5270</v>
      </c>
      <c r="F256" s="82" t="s">
        <v>4913</v>
      </c>
      <c r="G256" s="82" t="s">
        <v>4380</v>
      </c>
    </row>
    <row r="257" spans="1:10" s="83" customFormat="1" ht="45">
      <c r="A257" s="80">
        <v>258</v>
      </c>
      <c r="B257" s="81">
        <v>276</v>
      </c>
      <c r="C257" s="82" t="s">
        <v>4915</v>
      </c>
      <c r="D257" s="82" t="s">
        <v>4914</v>
      </c>
      <c r="E257" s="82" t="s">
        <v>5270</v>
      </c>
      <c r="F257" s="82" t="s">
        <v>4916</v>
      </c>
      <c r="G257" s="82" t="s">
        <v>4380</v>
      </c>
    </row>
    <row r="258" spans="1:10" s="83" customFormat="1" ht="45">
      <c r="A258" s="80">
        <v>259</v>
      </c>
      <c r="B258" s="81">
        <v>277</v>
      </c>
      <c r="C258" s="82" t="s">
        <v>4918</v>
      </c>
      <c r="D258" s="82" t="s">
        <v>4917</v>
      </c>
      <c r="E258" s="82" t="s">
        <v>5270</v>
      </c>
      <c r="F258" s="82" t="s">
        <v>4919</v>
      </c>
      <c r="G258" s="82" t="s">
        <v>4380</v>
      </c>
    </row>
    <row r="259" spans="1:10" s="83" customFormat="1" ht="45">
      <c r="A259" s="80">
        <v>260</v>
      </c>
      <c r="B259" s="81">
        <v>278</v>
      </c>
      <c r="C259" s="86" t="s">
        <v>5299</v>
      </c>
      <c r="D259" s="82" t="s">
        <v>4458</v>
      </c>
      <c r="E259" s="86" t="s">
        <v>5142</v>
      </c>
      <c r="F259" s="82" t="s">
        <v>4920</v>
      </c>
      <c r="G259" s="82" t="s">
        <v>4380</v>
      </c>
    </row>
    <row r="260" spans="1:10" s="83" customFormat="1" ht="45">
      <c r="A260" s="80">
        <v>261</v>
      </c>
      <c r="B260" s="81">
        <v>279</v>
      </c>
      <c r="C260" s="86"/>
      <c r="D260" s="82" t="s">
        <v>4405</v>
      </c>
      <c r="E260" s="82" t="s">
        <v>5118</v>
      </c>
      <c r="F260" s="86"/>
      <c r="G260" s="82" t="s">
        <v>4380</v>
      </c>
    </row>
    <row r="261" spans="1:10" s="83" customFormat="1" ht="45">
      <c r="A261" s="80">
        <v>262</v>
      </c>
      <c r="B261" s="81">
        <v>280</v>
      </c>
      <c r="C261" s="86"/>
      <c r="D261" s="82" t="s">
        <v>4387</v>
      </c>
      <c r="E261" s="82" t="s">
        <v>5118</v>
      </c>
      <c r="F261" s="86"/>
      <c r="G261" s="82" t="s">
        <v>4380</v>
      </c>
    </row>
    <row r="262" spans="1:10" s="83" customFormat="1" ht="45">
      <c r="A262" s="80">
        <v>263</v>
      </c>
      <c r="B262" s="81">
        <v>281</v>
      </c>
      <c r="C262" s="86"/>
      <c r="D262" s="82" t="s">
        <v>4921</v>
      </c>
      <c r="E262" s="82" t="s">
        <v>5118</v>
      </c>
      <c r="F262" s="86"/>
      <c r="G262" s="82" t="s">
        <v>4380</v>
      </c>
    </row>
    <row r="263" spans="1:10" s="83" customFormat="1" ht="75">
      <c r="A263" s="80">
        <v>264</v>
      </c>
      <c r="B263" s="81">
        <v>282</v>
      </c>
      <c r="C263" s="82" t="s">
        <v>4923</v>
      </c>
      <c r="D263" s="82" t="s">
        <v>4922</v>
      </c>
      <c r="E263" s="82" t="s">
        <v>5300</v>
      </c>
      <c r="F263" s="82" t="s">
        <v>4754</v>
      </c>
      <c r="G263" s="82" t="s">
        <v>4380</v>
      </c>
    </row>
    <row r="264" spans="1:10" s="83" customFormat="1" ht="45">
      <c r="A264" s="80">
        <v>265</v>
      </c>
      <c r="B264" s="81">
        <v>283</v>
      </c>
      <c r="C264" s="82" t="s">
        <v>4924</v>
      </c>
      <c r="D264" s="82" t="s">
        <v>4412</v>
      </c>
      <c r="E264" s="82" t="s">
        <v>5301</v>
      </c>
      <c r="F264" s="82" t="s">
        <v>4925</v>
      </c>
      <c r="G264" s="82" t="s">
        <v>4380</v>
      </c>
    </row>
    <row r="265" spans="1:10" s="83" customFormat="1" ht="45">
      <c r="A265" s="80">
        <v>266</v>
      </c>
      <c r="B265" s="81">
        <v>284</v>
      </c>
      <c r="C265" s="82" t="s">
        <v>4926</v>
      </c>
      <c r="D265" s="82" t="s">
        <v>4690</v>
      </c>
      <c r="E265" s="82" t="s">
        <v>5302</v>
      </c>
      <c r="F265" s="82" t="s">
        <v>4754</v>
      </c>
      <c r="G265" s="82" t="s">
        <v>4380</v>
      </c>
    </row>
    <row r="266" spans="1:10" s="83" customFormat="1" ht="60">
      <c r="A266" s="80">
        <v>267</v>
      </c>
      <c r="B266" s="81">
        <v>248</v>
      </c>
      <c r="C266" s="87" t="s">
        <v>5304</v>
      </c>
      <c r="D266" s="82" t="s">
        <v>5303</v>
      </c>
      <c r="E266" s="82" t="s">
        <v>5196</v>
      </c>
      <c r="F266" s="82" t="s">
        <v>5305</v>
      </c>
      <c r="G266" s="86" t="s">
        <v>5306</v>
      </c>
      <c r="J266" s="88"/>
    </row>
  </sheetData>
  <pageMargins left="0.7" right="0.7" top="0.75" bottom="0.75" header="0.3" footer="0.3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>
  <dimension ref="A1:C7170"/>
  <sheetViews>
    <sheetView workbookViewId="0">
      <selection activeCell="C1" sqref="C1"/>
    </sheetView>
  </sheetViews>
  <sheetFormatPr defaultRowHeight="15"/>
  <cols>
    <col min="1" max="1" width="5.42578125" style="61" customWidth="1"/>
    <col min="2" max="2" width="52.28515625" style="61" customWidth="1"/>
    <col min="3" max="3" width="29.28515625" style="61" customWidth="1"/>
  </cols>
  <sheetData>
    <row r="1" spans="1:3" s="63" customFormat="1" ht="37.5" customHeight="1">
      <c r="A1" s="62" t="s">
        <v>0</v>
      </c>
      <c r="B1" s="62" t="s">
        <v>1</v>
      </c>
      <c r="C1" s="62" t="s">
        <v>5077</v>
      </c>
    </row>
    <row r="2" spans="1:3" s="66" customFormat="1" ht="24.75" customHeight="1">
      <c r="A2" s="64"/>
      <c r="B2" s="65"/>
      <c r="C2" s="12"/>
    </row>
    <row r="3" spans="1:3" ht="31.5">
      <c r="A3" s="13">
        <v>1</v>
      </c>
      <c r="B3" s="10" t="s">
        <v>4264</v>
      </c>
      <c r="C3" s="12" t="s">
        <v>4265</v>
      </c>
    </row>
    <row r="4" spans="1:3" ht="31.5">
      <c r="A4" s="13">
        <v>2</v>
      </c>
      <c r="B4" s="14" t="s">
        <v>4266</v>
      </c>
      <c r="C4" s="12" t="s">
        <v>4265</v>
      </c>
    </row>
    <row r="5" spans="1:3" ht="15.75">
      <c r="A5" s="10">
        <v>3</v>
      </c>
      <c r="B5" s="10" t="s">
        <v>4267</v>
      </c>
      <c r="C5" s="12" t="s">
        <v>4265</v>
      </c>
    </row>
    <row r="6" spans="1:3" ht="15.75">
      <c r="A6" s="13">
        <v>4</v>
      </c>
      <c r="B6" s="16" t="s">
        <v>4270</v>
      </c>
      <c r="C6" s="12" t="s">
        <v>4265</v>
      </c>
    </row>
    <row r="7" spans="1:3" ht="15.75">
      <c r="A7" s="13">
        <v>5</v>
      </c>
      <c r="B7" s="10" t="s">
        <v>4271</v>
      </c>
      <c r="C7" s="12" t="s">
        <v>4265</v>
      </c>
    </row>
    <row r="8" spans="1:3" ht="15.75">
      <c r="A8" s="13">
        <v>6</v>
      </c>
      <c r="B8" s="10" t="s">
        <v>4272</v>
      </c>
      <c r="C8" s="12" t="s">
        <v>4265</v>
      </c>
    </row>
    <row r="9" spans="1:3" ht="31.5">
      <c r="A9" s="10">
        <v>7</v>
      </c>
      <c r="B9" s="10" t="s">
        <v>4273</v>
      </c>
      <c r="C9" s="12" t="s">
        <v>4265</v>
      </c>
    </row>
    <row r="10" spans="1:3" ht="15.75">
      <c r="A10" s="13">
        <v>8</v>
      </c>
      <c r="B10" s="11" t="s">
        <v>4111</v>
      </c>
      <c r="C10" s="12" t="s">
        <v>4110</v>
      </c>
    </row>
    <row r="11" spans="1:3" ht="15.75">
      <c r="A11" s="13">
        <v>9</v>
      </c>
      <c r="B11" s="11" t="s">
        <v>4112</v>
      </c>
      <c r="C11" s="12" t="s">
        <v>4110</v>
      </c>
    </row>
    <row r="12" spans="1:3" ht="15.75">
      <c r="A12" s="13">
        <v>10</v>
      </c>
      <c r="B12" s="11" t="s">
        <v>4113</v>
      </c>
      <c r="C12" s="12" t="s">
        <v>4110</v>
      </c>
    </row>
    <row r="13" spans="1:3" ht="15.75">
      <c r="A13" s="10">
        <v>11</v>
      </c>
      <c r="B13" s="11" t="s">
        <v>4114</v>
      </c>
      <c r="C13" s="12" t="s">
        <v>4110</v>
      </c>
    </row>
    <row r="14" spans="1:3" ht="15.75">
      <c r="A14" s="13">
        <v>12</v>
      </c>
      <c r="B14" s="11" t="s">
        <v>4115</v>
      </c>
      <c r="C14" s="12" t="s">
        <v>4110</v>
      </c>
    </row>
    <row r="15" spans="1:3" ht="15.75">
      <c r="A15" s="13">
        <v>13</v>
      </c>
      <c r="B15" s="11" t="s">
        <v>4116</v>
      </c>
      <c r="C15" s="12" t="s">
        <v>4110</v>
      </c>
    </row>
    <row r="16" spans="1:3" ht="15.75">
      <c r="A16" s="13">
        <v>14</v>
      </c>
      <c r="B16" s="11" t="s">
        <v>4117</v>
      </c>
      <c r="C16" s="12" t="s">
        <v>4110</v>
      </c>
    </row>
    <row r="17" spans="1:3" ht="31.5">
      <c r="A17" s="10">
        <v>15</v>
      </c>
      <c r="B17" s="11" t="s">
        <v>4118</v>
      </c>
      <c r="C17" s="12" t="s">
        <v>4110</v>
      </c>
    </row>
    <row r="18" spans="1:3" ht="15.75">
      <c r="A18" s="13">
        <v>16</v>
      </c>
      <c r="B18" s="11" t="s">
        <v>4119</v>
      </c>
      <c r="C18" s="12" t="s">
        <v>4110</v>
      </c>
    </row>
    <row r="19" spans="1:3" ht="15.75">
      <c r="A19" s="13">
        <v>17</v>
      </c>
      <c r="B19" s="11" t="s">
        <v>4120</v>
      </c>
      <c r="C19" s="12" t="s">
        <v>4110</v>
      </c>
    </row>
    <row r="20" spans="1:3" ht="15.75">
      <c r="A20" s="13">
        <v>18</v>
      </c>
      <c r="B20" s="11" t="s">
        <v>4121</v>
      </c>
      <c r="C20" s="12" t="s">
        <v>4110</v>
      </c>
    </row>
    <row r="21" spans="1:3" ht="31.5">
      <c r="A21" s="10">
        <v>19</v>
      </c>
      <c r="B21" s="11" t="s">
        <v>4122</v>
      </c>
      <c r="C21" s="12" t="s">
        <v>4110</v>
      </c>
    </row>
    <row r="22" spans="1:3" ht="15.75">
      <c r="A22" s="13">
        <v>20</v>
      </c>
      <c r="B22" s="11" t="s">
        <v>4123</v>
      </c>
      <c r="C22" s="12" t="s">
        <v>4110</v>
      </c>
    </row>
    <row r="23" spans="1:3" ht="15.75">
      <c r="A23" s="13">
        <v>21</v>
      </c>
      <c r="B23" s="11" t="s">
        <v>4124</v>
      </c>
      <c r="C23" s="12" t="s">
        <v>4110</v>
      </c>
    </row>
    <row r="24" spans="1:3" ht="15.75">
      <c r="A24" s="13">
        <v>22</v>
      </c>
      <c r="B24" s="11" t="s">
        <v>4113</v>
      </c>
      <c r="C24" s="12" t="s">
        <v>4110</v>
      </c>
    </row>
    <row r="25" spans="1:3" ht="15.75">
      <c r="A25" s="10">
        <v>23</v>
      </c>
      <c r="B25" s="11" t="s">
        <v>4125</v>
      </c>
      <c r="C25" s="12" t="s">
        <v>4110</v>
      </c>
    </row>
    <row r="26" spans="1:3" ht="15.75">
      <c r="A26" s="13">
        <v>24</v>
      </c>
      <c r="B26" s="11" t="s">
        <v>4126</v>
      </c>
      <c r="C26" s="12" t="s">
        <v>4110</v>
      </c>
    </row>
    <row r="27" spans="1:3" ht="15.75">
      <c r="A27" s="13">
        <v>25</v>
      </c>
      <c r="B27" s="11" t="s">
        <v>4127</v>
      </c>
      <c r="C27" s="12" t="s">
        <v>4110</v>
      </c>
    </row>
    <row r="28" spans="1:3" ht="15.75">
      <c r="A28" s="13">
        <v>26</v>
      </c>
      <c r="B28" s="11" t="s">
        <v>4128</v>
      </c>
      <c r="C28" s="12" t="s">
        <v>4110</v>
      </c>
    </row>
    <row r="29" spans="1:3" ht="15.75">
      <c r="A29" s="10">
        <v>27</v>
      </c>
      <c r="B29" s="11" t="s">
        <v>4129</v>
      </c>
      <c r="C29" s="12" t="s">
        <v>4110</v>
      </c>
    </row>
    <row r="30" spans="1:3" ht="31.5">
      <c r="A30" s="13">
        <v>28</v>
      </c>
      <c r="B30" s="11" t="s">
        <v>4130</v>
      </c>
      <c r="C30" s="12" t="s">
        <v>4110</v>
      </c>
    </row>
    <row r="31" spans="1:3" ht="15.75">
      <c r="A31" s="13">
        <v>29</v>
      </c>
      <c r="B31" s="11" t="s">
        <v>4131</v>
      </c>
      <c r="C31" s="12" t="s">
        <v>4110</v>
      </c>
    </row>
    <row r="32" spans="1:3" ht="15.75">
      <c r="A32" s="13">
        <v>30</v>
      </c>
      <c r="B32" s="11" t="s">
        <v>4132</v>
      </c>
      <c r="C32" s="12" t="s">
        <v>4110</v>
      </c>
    </row>
    <row r="33" spans="1:3" ht="15.75">
      <c r="A33" s="10">
        <v>31</v>
      </c>
      <c r="B33" s="11" t="s">
        <v>4133</v>
      </c>
      <c r="C33" s="12" t="s">
        <v>4110</v>
      </c>
    </row>
    <row r="34" spans="1:3" ht="15.75">
      <c r="A34" s="13">
        <v>32</v>
      </c>
      <c r="B34" s="11" t="s">
        <v>4134</v>
      </c>
      <c r="C34" s="12" t="s">
        <v>4110</v>
      </c>
    </row>
    <row r="35" spans="1:3" ht="15.75">
      <c r="A35" s="13">
        <v>33</v>
      </c>
      <c r="B35" s="11" t="s">
        <v>4135</v>
      </c>
      <c r="C35" s="12" t="s">
        <v>4110</v>
      </c>
    </row>
    <row r="36" spans="1:3" ht="15.75">
      <c r="A36" s="13">
        <v>34</v>
      </c>
      <c r="B36" s="11" t="s">
        <v>4136</v>
      </c>
      <c r="C36" s="12" t="s">
        <v>4110</v>
      </c>
    </row>
    <row r="37" spans="1:3" ht="15.75">
      <c r="A37" s="10">
        <v>35</v>
      </c>
      <c r="B37" s="11" t="s">
        <v>4121</v>
      </c>
      <c r="C37" s="12" t="s">
        <v>4110</v>
      </c>
    </row>
    <row r="38" spans="1:3" ht="15.75">
      <c r="A38" s="13">
        <v>36</v>
      </c>
      <c r="B38" s="11" t="s">
        <v>4137</v>
      </c>
      <c r="C38" s="12" t="s">
        <v>4110</v>
      </c>
    </row>
    <row r="39" spans="1:3" ht="15.75">
      <c r="A39" s="13">
        <v>37</v>
      </c>
      <c r="B39" s="11" t="s">
        <v>4138</v>
      </c>
      <c r="C39" s="12" t="s">
        <v>4110</v>
      </c>
    </row>
    <row r="40" spans="1:3" ht="15.75">
      <c r="A40" s="13">
        <v>38</v>
      </c>
      <c r="B40" s="11" t="s">
        <v>4139</v>
      </c>
      <c r="C40" s="12" t="s">
        <v>4110</v>
      </c>
    </row>
    <row r="41" spans="1:3" ht="15.75">
      <c r="A41" s="10">
        <v>39</v>
      </c>
      <c r="B41" s="11" t="s">
        <v>4140</v>
      </c>
      <c r="C41" s="12" t="s">
        <v>4110</v>
      </c>
    </row>
    <row r="42" spans="1:3" ht="15.75">
      <c r="A42" s="13">
        <v>40</v>
      </c>
      <c r="B42" s="11" t="s">
        <v>619</v>
      </c>
      <c r="C42" s="12" t="s">
        <v>4110</v>
      </c>
    </row>
    <row r="43" spans="1:3" ht="15.75">
      <c r="A43" s="13">
        <v>41</v>
      </c>
      <c r="B43" s="11" t="s">
        <v>4141</v>
      </c>
      <c r="C43" s="12" t="s">
        <v>4110</v>
      </c>
    </row>
    <row r="44" spans="1:3" ht="15.75">
      <c r="A44" s="13">
        <v>42</v>
      </c>
      <c r="B44" s="11" t="s">
        <v>4142</v>
      </c>
      <c r="C44" s="12" t="s">
        <v>4110</v>
      </c>
    </row>
    <row r="45" spans="1:3" ht="15.75">
      <c r="A45" s="10">
        <v>43</v>
      </c>
      <c r="B45" s="11" t="s">
        <v>4143</v>
      </c>
      <c r="C45" s="12" t="s">
        <v>4110</v>
      </c>
    </row>
    <row r="46" spans="1:3" ht="15.75">
      <c r="A46" s="13">
        <v>44</v>
      </c>
      <c r="B46" s="11" t="s">
        <v>4144</v>
      </c>
      <c r="C46" s="12" t="s">
        <v>4110</v>
      </c>
    </row>
    <row r="47" spans="1:3" ht="15.75">
      <c r="A47" s="13">
        <v>45</v>
      </c>
      <c r="B47" s="11" t="s">
        <v>4145</v>
      </c>
      <c r="C47" s="12" t="s">
        <v>4110</v>
      </c>
    </row>
    <row r="48" spans="1:3" ht="15.75">
      <c r="A48" s="13">
        <v>46</v>
      </c>
      <c r="B48" s="11" t="s">
        <v>4146</v>
      </c>
      <c r="C48" s="12" t="s">
        <v>4110</v>
      </c>
    </row>
    <row r="49" spans="1:3" ht="31.5">
      <c r="A49" s="10">
        <v>47</v>
      </c>
      <c r="B49" s="11" t="s">
        <v>4122</v>
      </c>
      <c r="C49" s="12" t="s">
        <v>4110</v>
      </c>
    </row>
    <row r="50" spans="1:3" ht="15.75">
      <c r="A50" s="13">
        <v>48</v>
      </c>
      <c r="B50" s="11" t="s">
        <v>4147</v>
      </c>
      <c r="C50" s="12" t="s">
        <v>4110</v>
      </c>
    </row>
    <row r="51" spans="1:3" ht="31.5">
      <c r="A51" s="13">
        <v>49</v>
      </c>
      <c r="B51" s="11" t="s">
        <v>4148</v>
      </c>
      <c r="C51" s="12" t="s">
        <v>4110</v>
      </c>
    </row>
    <row r="52" spans="1:3" ht="15.75">
      <c r="A52" s="13">
        <v>50</v>
      </c>
      <c r="B52" s="11" t="s">
        <v>4149</v>
      </c>
      <c r="C52" s="12" t="s">
        <v>4110</v>
      </c>
    </row>
    <row r="53" spans="1:3" ht="15.75">
      <c r="A53" s="10">
        <v>51</v>
      </c>
      <c r="B53" s="11" t="s">
        <v>4150</v>
      </c>
      <c r="C53" s="12" t="s">
        <v>4110</v>
      </c>
    </row>
    <row r="54" spans="1:3" ht="15.75">
      <c r="A54" s="13">
        <v>52</v>
      </c>
      <c r="B54" s="11" t="s">
        <v>4151</v>
      </c>
      <c r="C54" s="12" t="s">
        <v>4110</v>
      </c>
    </row>
    <row r="55" spans="1:3" ht="15.75">
      <c r="A55" s="13">
        <v>53</v>
      </c>
      <c r="B55" s="11" t="s">
        <v>4152</v>
      </c>
      <c r="C55" s="12" t="s">
        <v>4110</v>
      </c>
    </row>
    <row r="56" spans="1:3" ht="15.75">
      <c r="A56" s="13">
        <v>54</v>
      </c>
      <c r="B56" s="11" t="s">
        <v>4153</v>
      </c>
      <c r="C56" s="12" t="s">
        <v>4110</v>
      </c>
    </row>
    <row r="57" spans="1:3" ht="15.75">
      <c r="A57" s="10">
        <v>55</v>
      </c>
      <c r="B57" s="11" t="s">
        <v>4154</v>
      </c>
      <c r="C57" s="12" t="s">
        <v>4110</v>
      </c>
    </row>
    <row r="58" spans="1:3" ht="15.75">
      <c r="A58" s="13">
        <v>56</v>
      </c>
      <c r="B58" s="11" t="s">
        <v>4144</v>
      </c>
      <c r="C58" s="12" t="s">
        <v>4110</v>
      </c>
    </row>
    <row r="59" spans="1:3" ht="15.75">
      <c r="A59" s="13">
        <v>57</v>
      </c>
      <c r="B59" s="11" t="s">
        <v>4155</v>
      </c>
      <c r="C59" s="12" t="s">
        <v>4110</v>
      </c>
    </row>
    <row r="60" spans="1:3" ht="15.75">
      <c r="A60" s="13">
        <v>58</v>
      </c>
      <c r="B60" s="11" t="s">
        <v>4156</v>
      </c>
      <c r="C60" s="12" t="s">
        <v>4110</v>
      </c>
    </row>
    <row r="61" spans="1:3" ht="31.5">
      <c r="A61" s="10">
        <v>59</v>
      </c>
      <c r="B61" s="11" t="s">
        <v>4157</v>
      </c>
      <c r="C61" s="12" t="s">
        <v>4110</v>
      </c>
    </row>
    <row r="62" spans="1:3" ht="15.75">
      <c r="A62" s="13">
        <v>60</v>
      </c>
      <c r="B62" s="11" t="s">
        <v>4158</v>
      </c>
      <c r="C62" s="12" t="s">
        <v>4110</v>
      </c>
    </row>
    <row r="63" spans="1:3" ht="15.75">
      <c r="A63" s="13">
        <v>61</v>
      </c>
      <c r="B63" s="11" t="s">
        <v>4114</v>
      </c>
      <c r="C63" s="12" t="s">
        <v>4110</v>
      </c>
    </row>
    <row r="64" spans="1:3" ht="15.75">
      <c r="A64" s="13">
        <v>62</v>
      </c>
      <c r="B64" s="11" t="s">
        <v>4159</v>
      </c>
      <c r="C64" s="12" t="s">
        <v>4110</v>
      </c>
    </row>
    <row r="65" spans="1:3" ht="15.75">
      <c r="A65" s="10">
        <v>63</v>
      </c>
      <c r="B65" s="11" t="s">
        <v>4160</v>
      </c>
      <c r="C65" s="12" t="s">
        <v>4110</v>
      </c>
    </row>
    <row r="66" spans="1:3" ht="15.75">
      <c r="A66" s="13">
        <v>64</v>
      </c>
      <c r="B66" s="11" t="s">
        <v>4161</v>
      </c>
      <c r="C66" s="12" t="s">
        <v>4110</v>
      </c>
    </row>
    <row r="67" spans="1:3" ht="15.75">
      <c r="A67" s="13">
        <v>65</v>
      </c>
      <c r="B67" s="11" t="s">
        <v>4121</v>
      </c>
      <c r="C67" s="12" t="s">
        <v>4110</v>
      </c>
    </row>
    <row r="68" spans="1:3" ht="15.75">
      <c r="A68" s="13">
        <v>66</v>
      </c>
      <c r="B68" s="11" t="s">
        <v>4162</v>
      </c>
      <c r="C68" s="12" t="s">
        <v>4110</v>
      </c>
    </row>
    <row r="69" spans="1:3" ht="15.75">
      <c r="A69" s="10">
        <v>67</v>
      </c>
      <c r="B69" s="11" t="s">
        <v>4163</v>
      </c>
      <c r="C69" s="12" t="s">
        <v>4110</v>
      </c>
    </row>
    <row r="70" spans="1:3" ht="15.75">
      <c r="A70" s="13">
        <v>68</v>
      </c>
      <c r="B70" s="11" t="s">
        <v>4164</v>
      </c>
      <c r="C70" s="12" t="s">
        <v>4110</v>
      </c>
    </row>
    <row r="71" spans="1:3" ht="15.75">
      <c r="A71" s="13">
        <v>69</v>
      </c>
      <c r="B71" s="11" t="s">
        <v>4165</v>
      </c>
      <c r="C71" s="12" t="s">
        <v>4110</v>
      </c>
    </row>
    <row r="72" spans="1:3" ht="15.75">
      <c r="A72" s="13">
        <v>70</v>
      </c>
      <c r="B72" s="11" t="s">
        <v>4166</v>
      </c>
      <c r="C72" s="12" t="s">
        <v>4110</v>
      </c>
    </row>
    <row r="73" spans="1:3" ht="15.75">
      <c r="A73" s="10">
        <v>71</v>
      </c>
      <c r="B73" s="11" t="s">
        <v>4167</v>
      </c>
      <c r="C73" s="12" t="s">
        <v>4110</v>
      </c>
    </row>
    <row r="74" spans="1:3" ht="15.75">
      <c r="A74" s="13">
        <v>72</v>
      </c>
      <c r="B74" s="11" t="s">
        <v>4168</v>
      </c>
      <c r="C74" s="12" t="s">
        <v>4110</v>
      </c>
    </row>
    <row r="75" spans="1:3" ht="15.75">
      <c r="A75" s="13">
        <v>73</v>
      </c>
      <c r="B75" s="11" t="s">
        <v>4169</v>
      </c>
      <c r="C75" s="12" t="s">
        <v>4110</v>
      </c>
    </row>
    <row r="76" spans="1:3" ht="15.75">
      <c r="A76" s="13">
        <v>74</v>
      </c>
      <c r="B76" s="11" t="s">
        <v>4144</v>
      </c>
      <c r="C76" s="12" t="s">
        <v>4110</v>
      </c>
    </row>
    <row r="77" spans="1:3" ht="15.75">
      <c r="A77" s="10">
        <v>75</v>
      </c>
      <c r="B77" s="11" t="s">
        <v>4170</v>
      </c>
      <c r="C77" s="12" t="s">
        <v>4110</v>
      </c>
    </row>
    <row r="78" spans="1:3" ht="15.75">
      <c r="A78" s="13">
        <v>76</v>
      </c>
      <c r="B78" s="11" t="s">
        <v>4171</v>
      </c>
      <c r="C78" s="12" t="s">
        <v>4110</v>
      </c>
    </row>
    <row r="79" spans="1:3" ht="15.75">
      <c r="A79" s="13">
        <v>77</v>
      </c>
      <c r="B79" s="11" t="s">
        <v>4172</v>
      </c>
      <c r="C79" s="12" t="s">
        <v>4110</v>
      </c>
    </row>
    <row r="80" spans="1:3" ht="15.75">
      <c r="A80" s="13">
        <v>78</v>
      </c>
      <c r="B80" s="11" t="s">
        <v>4173</v>
      </c>
      <c r="C80" s="12" t="s">
        <v>4110</v>
      </c>
    </row>
    <row r="81" spans="1:3" ht="31.5">
      <c r="A81" s="10">
        <v>79</v>
      </c>
      <c r="B81" s="11" t="s">
        <v>4174</v>
      </c>
      <c r="C81" s="12" t="s">
        <v>4110</v>
      </c>
    </row>
    <row r="82" spans="1:3" ht="15.75">
      <c r="A82" s="13">
        <v>80</v>
      </c>
      <c r="B82" s="11" t="s">
        <v>4175</v>
      </c>
      <c r="C82" s="12" t="s">
        <v>4110</v>
      </c>
    </row>
    <row r="83" spans="1:3" ht="15.75">
      <c r="A83" s="13">
        <v>81</v>
      </c>
      <c r="B83" s="11" t="s">
        <v>4176</v>
      </c>
      <c r="C83" s="12" t="s">
        <v>4110</v>
      </c>
    </row>
    <row r="84" spans="1:3" ht="15.75">
      <c r="A84" s="13">
        <v>82</v>
      </c>
      <c r="B84" s="11" t="s">
        <v>4177</v>
      </c>
      <c r="C84" s="12" t="s">
        <v>4110</v>
      </c>
    </row>
    <row r="85" spans="1:3" ht="15.75">
      <c r="A85" s="10">
        <v>83</v>
      </c>
      <c r="B85" s="11" t="s">
        <v>4178</v>
      </c>
      <c r="C85" s="12" t="s">
        <v>4110</v>
      </c>
    </row>
    <row r="86" spans="1:3" ht="15.75">
      <c r="A86" s="13">
        <v>84</v>
      </c>
      <c r="B86" s="11" t="s">
        <v>4179</v>
      </c>
      <c r="C86" s="12" t="s">
        <v>4110</v>
      </c>
    </row>
    <row r="87" spans="1:3" ht="15.75">
      <c r="A87" s="13">
        <v>85</v>
      </c>
      <c r="B87" s="11" t="s">
        <v>4180</v>
      </c>
      <c r="C87" s="12" t="s">
        <v>4110</v>
      </c>
    </row>
    <row r="88" spans="1:3" ht="15.75">
      <c r="A88" s="13">
        <v>86</v>
      </c>
      <c r="B88" s="11" t="s">
        <v>4181</v>
      </c>
      <c r="C88" s="12" t="s">
        <v>4110</v>
      </c>
    </row>
    <row r="89" spans="1:3" ht="15.75">
      <c r="A89" s="10">
        <v>87</v>
      </c>
      <c r="B89" s="11" t="s">
        <v>2806</v>
      </c>
      <c r="C89" s="12" t="s">
        <v>4110</v>
      </c>
    </row>
    <row r="90" spans="1:3" ht="15.75">
      <c r="A90" s="13">
        <v>88</v>
      </c>
      <c r="B90" s="11" t="s">
        <v>4131</v>
      </c>
      <c r="C90" s="12" t="s">
        <v>4110</v>
      </c>
    </row>
    <row r="91" spans="1:3" ht="15.75">
      <c r="A91" s="13">
        <v>89</v>
      </c>
      <c r="B91" s="11" t="s">
        <v>4182</v>
      </c>
      <c r="C91" s="12" t="s">
        <v>4110</v>
      </c>
    </row>
    <row r="92" spans="1:3" ht="31.5">
      <c r="A92" s="13">
        <v>90</v>
      </c>
      <c r="B92" s="11" t="s">
        <v>4118</v>
      </c>
      <c r="C92" s="12" t="s">
        <v>4110</v>
      </c>
    </row>
    <row r="93" spans="1:3" ht="15.75">
      <c r="A93" s="10">
        <v>91</v>
      </c>
      <c r="B93" s="11" t="s">
        <v>4183</v>
      </c>
      <c r="C93" s="12" t="s">
        <v>4110</v>
      </c>
    </row>
    <row r="94" spans="1:3" ht="15.75">
      <c r="A94" s="13">
        <v>92</v>
      </c>
      <c r="B94" s="11" t="s">
        <v>4176</v>
      </c>
      <c r="C94" s="12" t="s">
        <v>4110</v>
      </c>
    </row>
    <row r="95" spans="1:3" ht="15.75">
      <c r="A95" s="13">
        <v>93</v>
      </c>
      <c r="B95" s="11" t="s">
        <v>4184</v>
      </c>
      <c r="C95" s="12" t="s">
        <v>4110</v>
      </c>
    </row>
    <row r="96" spans="1:3" ht="15.75">
      <c r="A96" s="13">
        <v>94</v>
      </c>
      <c r="B96" s="11" t="s">
        <v>4135</v>
      </c>
      <c r="C96" s="12" t="s">
        <v>4110</v>
      </c>
    </row>
    <row r="97" spans="1:3" ht="15.75">
      <c r="A97" s="10">
        <v>95</v>
      </c>
      <c r="B97" s="11" t="s">
        <v>4186</v>
      </c>
      <c r="C97" s="12" t="s">
        <v>4110</v>
      </c>
    </row>
    <row r="98" spans="1:3" ht="15.75">
      <c r="A98" s="13">
        <v>96</v>
      </c>
      <c r="B98" s="11" t="s">
        <v>4188</v>
      </c>
      <c r="C98" s="12" t="s">
        <v>4110</v>
      </c>
    </row>
    <row r="99" spans="1:3" ht="15.75">
      <c r="A99" s="13">
        <v>97</v>
      </c>
      <c r="B99" s="11" t="s">
        <v>4189</v>
      </c>
      <c r="C99" s="12" t="s">
        <v>4110</v>
      </c>
    </row>
    <row r="100" spans="1:3" ht="15.75">
      <c r="A100" s="13">
        <v>98</v>
      </c>
      <c r="B100" s="11" t="s">
        <v>4190</v>
      </c>
      <c r="C100" s="12" t="s">
        <v>4110</v>
      </c>
    </row>
    <row r="101" spans="1:3" ht="15.75">
      <c r="A101" s="10">
        <v>99</v>
      </c>
      <c r="B101" s="11" t="s">
        <v>4191</v>
      </c>
      <c r="C101" s="12" t="s">
        <v>4110</v>
      </c>
    </row>
    <row r="102" spans="1:3" ht="15.75">
      <c r="A102" s="13">
        <v>100</v>
      </c>
      <c r="B102" s="11" t="s">
        <v>4192</v>
      </c>
      <c r="C102" s="12" t="s">
        <v>4110</v>
      </c>
    </row>
    <row r="103" spans="1:3" ht="15.75">
      <c r="A103" s="13">
        <v>101</v>
      </c>
      <c r="B103" s="11" t="s">
        <v>4193</v>
      </c>
      <c r="C103" s="12" t="s">
        <v>4110</v>
      </c>
    </row>
    <row r="104" spans="1:3" ht="15.75">
      <c r="A104" s="13">
        <v>102</v>
      </c>
      <c r="B104" s="11" t="s">
        <v>4131</v>
      </c>
      <c r="C104" s="12" t="s">
        <v>4110</v>
      </c>
    </row>
    <row r="105" spans="1:3" ht="15.75">
      <c r="A105" s="10">
        <v>103</v>
      </c>
      <c r="B105" s="11" t="s">
        <v>4194</v>
      </c>
      <c r="C105" s="12" t="s">
        <v>4110</v>
      </c>
    </row>
    <row r="106" spans="1:3" ht="15.75">
      <c r="A106" s="13">
        <v>104</v>
      </c>
      <c r="B106" s="11" t="s">
        <v>4176</v>
      </c>
      <c r="C106" s="12" t="s">
        <v>4110</v>
      </c>
    </row>
    <row r="107" spans="1:3" ht="15.75">
      <c r="A107" s="13">
        <v>105</v>
      </c>
      <c r="B107" s="11" t="s">
        <v>4195</v>
      </c>
      <c r="C107" s="12" t="s">
        <v>4110</v>
      </c>
    </row>
    <row r="108" spans="1:3" ht="15.75">
      <c r="A108" s="13">
        <v>106</v>
      </c>
      <c r="B108" s="11" t="s">
        <v>4196</v>
      </c>
      <c r="C108" s="12" t="s">
        <v>4110</v>
      </c>
    </row>
    <row r="109" spans="1:3" ht="15.75">
      <c r="A109" s="10">
        <v>107</v>
      </c>
      <c r="B109" s="11" t="s">
        <v>4197</v>
      </c>
      <c r="C109" s="12" t="s">
        <v>4110</v>
      </c>
    </row>
    <row r="110" spans="1:3" ht="15.75">
      <c r="A110" s="13">
        <v>108</v>
      </c>
      <c r="B110" s="11" t="s">
        <v>4116</v>
      </c>
      <c r="C110" s="12" t="s">
        <v>4110</v>
      </c>
    </row>
    <row r="111" spans="1:3" ht="31.5">
      <c r="A111" s="13">
        <v>109</v>
      </c>
      <c r="B111" s="11" t="s">
        <v>4198</v>
      </c>
      <c r="C111" s="12" t="s">
        <v>4110</v>
      </c>
    </row>
    <row r="112" spans="1:3" ht="31.5">
      <c r="A112" s="13">
        <v>110</v>
      </c>
      <c r="B112" s="11" t="s">
        <v>4174</v>
      </c>
      <c r="C112" s="12" t="s">
        <v>4110</v>
      </c>
    </row>
    <row r="113" spans="1:3" ht="15.75">
      <c r="A113" s="10">
        <v>111</v>
      </c>
      <c r="B113" s="11" t="s">
        <v>4199</v>
      </c>
      <c r="C113" s="12" t="s">
        <v>4110</v>
      </c>
    </row>
    <row r="114" spans="1:3" ht="15.75">
      <c r="A114" s="13">
        <v>112</v>
      </c>
      <c r="B114" s="11" t="s">
        <v>4200</v>
      </c>
      <c r="C114" s="12" t="s">
        <v>4110</v>
      </c>
    </row>
    <row r="115" spans="1:3" ht="31.5">
      <c r="A115" s="13">
        <v>113</v>
      </c>
      <c r="B115" s="11" t="s">
        <v>4187</v>
      </c>
      <c r="C115" s="12" t="s">
        <v>4110</v>
      </c>
    </row>
    <row r="116" spans="1:3" ht="15.75">
      <c r="A116" s="13">
        <v>114</v>
      </c>
      <c r="B116" s="11" t="s">
        <v>4201</v>
      </c>
      <c r="C116" s="12" t="s">
        <v>4110</v>
      </c>
    </row>
    <row r="117" spans="1:3" ht="15.75">
      <c r="A117" s="10">
        <v>115</v>
      </c>
      <c r="B117" s="11" t="s">
        <v>4202</v>
      </c>
      <c r="C117" s="12" t="s">
        <v>4110</v>
      </c>
    </row>
    <row r="118" spans="1:3" ht="15.75">
      <c r="A118" s="13">
        <v>116</v>
      </c>
      <c r="B118" s="11" t="s">
        <v>4128</v>
      </c>
      <c r="C118" s="12" t="s">
        <v>4110</v>
      </c>
    </row>
    <row r="119" spans="1:3" ht="15.75">
      <c r="A119" s="13">
        <v>117</v>
      </c>
      <c r="B119" s="11" t="s">
        <v>4185</v>
      </c>
      <c r="C119" s="12" t="s">
        <v>4110</v>
      </c>
    </row>
    <row r="120" spans="1:3" ht="15.75">
      <c r="A120" s="13">
        <v>118</v>
      </c>
      <c r="B120" s="11" t="s">
        <v>4203</v>
      </c>
      <c r="C120" s="12" t="s">
        <v>4110</v>
      </c>
    </row>
    <row r="121" spans="1:3" ht="15.75">
      <c r="A121" s="10">
        <v>119</v>
      </c>
      <c r="B121" s="11" t="s">
        <v>4204</v>
      </c>
      <c r="C121" s="12" t="s">
        <v>4110</v>
      </c>
    </row>
    <row r="122" spans="1:3" ht="15.75">
      <c r="A122" s="13">
        <v>120</v>
      </c>
      <c r="B122" s="11" t="s">
        <v>4205</v>
      </c>
      <c r="C122" s="12" t="s">
        <v>4110</v>
      </c>
    </row>
    <row r="123" spans="1:3" ht="15.75">
      <c r="A123" s="13">
        <v>121</v>
      </c>
      <c r="B123" s="11" t="s">
        <v>4190</v>
      </c>
      <c r="C123" s="12" t="s">
        <v>4110</v>
      </c>
    </row>
    <row r="124" spans="1:3" ht="15.75">
      <c r="A124" s="13">
        <v>122</v>
      </c>
      <c r="B124" s="11" t="s">
        <v>4166</v>
      </c>
      <c r="C124" s="12" t="s">
        <v>4110</v>
      </c>
    </row>
    <row r="125" spans="1:3" ht="15.75">
      <c r="A125" s="10">
        <v>123</v>
      </c>
      <c r="B125" s="11" t="s">
        <v>4206</v>
      </c>
      <c r="C125" s="12" t="s">
        <v>4110</v>
      </c>
    </row>
    <row r="126" spans="1:3" ht="15.75">
      <c r="A126" s="13">
        <v>124</v>
      </c>
      <c r="B126" s="11" t="s">
        <v>4207</v>
      </c>
      <c r="C126" s="12" t="s">
        <v>4110</v>
      </c>
    </row>
    <row r="127" spans="1:3" ht="15.75">
      <c r="A127" s="13">
        <v>125</v>
      </c>
      <c r="B127" s="11" t="s">
        <v>4208</v>
      </c>
      <c r="C127" s="12" t="s">
        <v>4110</v>
      </c>
    </row>
    <row r="128" spans="1:3" ht="15.75">
      <c r="A128" s="13">
        <v>126</v>
      </c>
      <c r="B128" s="11" t="s">
        <v>696</v>
      </c>
      <c r="C128" s="12" t="s">
        <v>4110</v>
      </c>
    </row>
    <row r="129" spans="1:3" ht="15.75">
      <c r="A129" s="10">
        <v>127</v>
      </c>
      <c r="B129" s="11" t="s">
        <v>4209</v>
      </c>
      <c r="C129" s="12" t="s">
        <v>4110</v>
      </c>
    </row>
    <row r="130" spans="1:3" ht="15.75">
      <c r="A130" s="13">
        <v>128</v>
      </c>
      <c r="B130" s="11" t="s">
        <v>4210</v>
      </c>
      <c r="C130" s="12" t="s">
        <v>4110</v>
      </c>
    </row>
    <row r="131" spans="1:3" ht="15.75">
      <c r="A131" s="13">
        <v>129</v>
      </c>
      <c r="B131" s="11" t="s">
        <v>4211</v>
      </c>
      <c r="C131" s="12" t="s">
        <v>4110</v>
      </c>
    </row>
    <row r="132" spans="1:3" ht="15.75">
      <c r="A132" s="13">
        <v>130</v>
      </c>
      <c r="B132" s="11" t="s">
        <v>4212</v>
      </c>
      <c r="C132" s="12" t="s">
        <v>4110</v>
      </c>
    </row>
    <row r="133" spans="1:3" ht="15.75">
      <c r="A133" s="10">
        <v>131</v>
      </c>
      <c r="B133" s="11" t="s">
        <v>4213</v>
      </c>
      <c r="C133" s="12" t="s">
        <v>4110</v>
      </c>
    </row>
    <row r="134" spans="1:3" ht="15.75">
      <c r="A134" s="13">
        <v>132</v>
      </c>
      <c r="B134" s="11" t="s">
        <v>4214</v>
      </c>
      <c r="C134" s="12" t="s">
        <v>4110</v>
      </c>
    </row>
    <row r="135" spans="1:3" ht="15.75">
      <c r="A135" s="13">
        <v>133</v>
      </c>
      <c r="B135" s="11" t="s">
        <v>4215</v>
      </c>
      <c r="C135" s="12" t="s">
        <v>4110</v>
      </c>
    </row>
    <row r="136" spans="1:3" ht="15.75">
      <c r="A136" s="13">
        <v>134</v>
      </c>
      <c r="B136" s="11" t="s">
        <v>4216</v>
      </c>
      <c r="C136" s="12" t="s">
        <v>4110</v>
      </c>
    </row>
    <row r="137" spans="1:3" ht="31.5">
      <c r="A137" s="10">
        <v>135</v>
      </c>
      <c r="B137" s="11" t="s">
        <v>4217</v>
      </c>
      <c r="C137" s="12" t="s">
        <v>4110</v>
      </c>
    </row>
    <row r="138" spans="1:3" ht="31.5">
      <c r="A138" s="13">
        <v>136</v>
      </c>
      <c r="B138" s="11" t="s">
        <v>4218</v>
      </c>
      <c r="C138" s="12" t="s">
        <v>4110</v>
      </c>
    </row>
    <row r="139" spans="1:3" ht="15.75">
      <c r="A139" s="13">
        <v>137</v>
      </c>
      <c r="B139" s="10" t="s">
        <v>3763</v>
      </c>
      <c r="C139" s="12" t="s">
        <v>4110</v>
      </c>
    </row>
    <row r="140" spans="1:3" ht="15.75">
      <c r="A140" s="13">
        <v>138</v>
      </c>
      <c r="B140" s="10" t="s">
        <v>3551</v>
      </c>
      <c r="C140" s="12" t="s">
        <v>4110</v>
      </c>
    </row>
    <row r="141" spans="1:3" ht="31.5">
      <c r="A141" s="10">
        <v>139</v>
      </c>
      <c r="B141" s="10" t="s">
        <v>4219</v>
      </c>
      <c r="C141" s="12" t="s">
        <v>4110</v>
      </c>
    </row>
    <row r="142" spans="1:3" ht="15.75">
      <c r="A142" s="13">
        <v>140</v>
      </c>
      <c r="B142" s="10" t="s">
        <v>4220</v>
      </c>
      <c r="C142" s="12" t="s">
        <v>4110</v>
      </c>
    </row>
    <row r="143" spans="1:3" ht="15.75">
      <c r="A143" s="13">
        <v>141</v>
      </c>
      <c r="B143" s="10" t="s">
        <v>3578</v>
      </c>
      <c r="C143" s="12" t="s">
        <v>4110</v>
      </c>
    </row>
    <row r="144" spans="1:3" ht="31.5">
      <c r="A144" s="13">
        <v>142</v>
      </c>
      <c r="B144" s="11" t="s">
        <v>4221</v>
      </c>
      <c r="C144" s="12" t="s">
        <v>4110</v>
      </c>
    </row>
    <row r="145" spans="1:3" ht="15.75">
      <c r="A145" s="10">
        <v>143</v>
      </c>
      <c r="B145" s="11" t="s">
        <v>4222</v>
      </c>
      <c r="C145" s="12" t="s">
        <v>4110</v>
      </c>
    </row>
    <row r="146" spans="1:3" ht="31.5">
      <c r="A146" s="13">
        <v>144</v>
      </c>
      <c r="B146" s="11" t="s">
        <v>4223</v>
      </c>
      <c r="C146" s="12" t="s">
        <v>4110</v>
      </c>
    </row>
    <row r="147" spans="1:3" ht="31.5">
      <c r="A147" s="13">
        <v>145</v>
      </c>
      <c r="B147" s="11" t="s">
        <v>4224</v>
      </c>
      <c r="C147" s="12" t="s">
        <v>4110</v>
      </c>
    </row>
    <row r="148" spans="1:3" ht="15.75">
      <c r="A148" s="13">
        <v>146</v>
      </c>
      <c r="B148" s="11" t="s">
        <v>4225</v>
      </c>
      <c r="C148" s="12" t="s">
        <v>4110</v>
      </c>
    </row>
    <row r="149" spans="1:3" ht="31.5">
      <c r="A149" s="10">
        <v>147</v>
      </c>
      <c r="B149" s="11" t="s">
        <v>4226</v>
      </c>
      <c r="C149" s="12" t="s">
        <v>4110</v>
      </c>
    </row>
    <row r="150" spans="1:3" ht="31.5">
      <c r="A150" s="13">
        <v>148</v>
      </c>
      <c r="B150" s="11" t="s">
        <v>4227</v>
      </c>
      <c r="C150" s="12" t="s">
        <v>4110</v>
      </c>
    </row>
    <row r="151" spans="1:3" ht="15.75">
      <c r="A151" s="13">
        <v>149</v>
      </c>
      <c r="B151" s="11" t="s">
        <v>4228</v>
      </c>
      <c r="C151" s="12" t="s">
        <v>4110</v>
      </c>
    </row>
    <row r="152" spans="1:3" ht="31.5">
      <c r="A152" s="13">
        <v>150</v>
      </c>
      <c r="B152" s="11" t="s">
        <v>4229</v>
      </c>
      <c r="C152" s="12" t="s">
        <v>4110</v>
      </c>
    </row>
    <row r="153" spans="1:3" ht="15.75">
      <c r="A153" s="10">
        <v>151</v>
      </c>
      <c r="B153" s="11" t="s">
        <v>4230</v>
      </c>
      <c r="C153" s="12" t="s">
        <v>4110</v>
      </c>
    </row>
    <row r="154" spans="1:3" ht="31.5">
      <c r="A154" s="13">
        <v>152</v>
      </c>
      <c r="B154" s="11" t="s">
        <v>4231</v>
      </c>
      <c r="C154" s="12" t="s">
        <v>4110</v>
      </c>
    </row>
    <row r="155" spans="1:3" ht="31.5">
      <c r="A155" s="13">
        <v>153</v>
      </c>
      <c r="B155" s="11" t="s">
        <v>4232</v>
      </c>
      <c r="C155" s="12" t="s">
        <v>4110</v>
      </c>
    </row>
    <row r="156" spans="1:3" ht="31.5">
      <c r="A156" s="13">
        <v>154</v>
      </c>
      <c r="B156" s="11" t="s">
        <v>4233</v>
      </c>
      <c r="C156" s="12" t="s">
        <v>4110</v>
      </c>
    </row>
    <row r="157" spans="1:3" ht="31.5">
      <c r="A157" s="10">
        <v>155</v>
      </c>
      <c r="B157" s="11" t="s">
        <v>4234</v>
      </c>
      <c r="C157" s="12" t="s">
        <v>4110</v>
      </c>
    </row>
    <row r="158" spans="1:3" ht="15.75">
      <c r="A158" s="13">
        <v>156</v>
      </c>
      <c r="B158" s="11" t="s">
        <v>4235</v>
      </c>
      <c r="C158" s="12" t="s">
        <v>4110</v>
      </c>
    </row>
    <row r="159" spans="1:3" ht="15.75">
      <c r="A159" s="13">
        <v>157</v>
      </c>
      <c r="B159" s="11" t="s">
        <v>4236</v>
      </c>
      <c r="C159" s="12" t="s">
        <v>4110</v>
      </c>
    </row>
    <row r="160" spans="1:3" ht="15.75">
      <c r="A160" s="13">
        <v>158</v>
      </c>
      <c r="B160" s="11" t="s">
        <v>4237</v>
      </c>
      <c r="C160" s="12" t="s">
        <v>4110</v>
      </c>
    </row>
    <row r="161" spans="1:3" ht="15.75">
      <c r="A161" s="10">
        <v>159</v>
      </c>
      <c r="B161" s="11" t="s">
        <v>4238</v>
      </c>
      <c r="C161" s="12" t="s">
        <v>4110</v>
      </c>
    </row>
    <row r="162" spans="1:3" ht="15.75">
      <c r="A162" s="13">
        <v>160</v>
      </c>
      <c r="B162" s="11" t="s">
        <v>4239</v>
      </c>
      <c r="C162" s="12" t="s">
        <v>4110</v>
      </c>
    </row>
    <row r="163" spans="1:3" ht="15.75">
      <c r="A163" s="13">
        <v>161</v>
      </c>
      <c r="B163" s="11" t="s">
        <v>4240</v>
      </c>
      <c r="C163" s="12" t="s">
        <v>4110</v>
      </c>
    </row>
    <row r="164" spans="1:3" ht="15.75">
      <c r="A164" s="13">
        <v>162</v>
      </c>
      <c r="B164" s="11" t="s">
        <v>4241</v>
      </c>
      <c r="C164" s="12" t="s">
        <v>4110</v>
      </c>
    </row>
    <row r="165" spans="1:3" ht="15.75">
      <c r="A165" s="10">
        <v>163</v>
      </c>
      <c r="B165" s="11" t="s">
        <v>4242</v>
      </c>
      <c r="C165" s="12" t="s">
        <v>4110</v>
      </c>
    </row>
    <row r="166" spans="1:3" ht="15.75">
      <c r="A166" s="13">
        <v>164</v>
      </c>
      <c r="B166" s="11" t="s">
        <v>4243</v>
      </c>
      <c r="C166" s="12" t="s">
        <v>4110</v>
      </c>
    </row>
    <row r="167" spans="1:3" ht="15.75">
      <c r="A167" s="13">
        <v>165</v>
      </c>
      <c r="B167" s="11" t="s">
        <v>4244</v>
      </c>
      <c r="C167" s="12" t="s">
        <v>4110</v>
      </c>
    </row>
    <row r="168" spans="1:3" ht="15.75">
      <c r="A168" s="13">
        <v>166</v>
      </c>
      <c r="B168" s="11" t="s">
        <v>4239</v>
      </c>
      <c r="C168" s="12" t="s">
        <v>4110</v>
      </c>
    </row>
    <row r="169" spans="1:3" ht="15.75">
      <c r="A169" s="10">
        <v>167</v>
      </c>
      <c r="B169" s="11" t="s">
        <v>4245</v>
      </c>
      <c r="C169" s="12" t="s">
        <v>4110</v>
      </c>
    </row>
    <row r="170" spans="1:3" ht="15.75">
      <c r="A170" s="13">
        <v>168</v>
      </c>
      <c r="B170" s="11" t="s">
        <v>4246</v>
      </c>
      <c r="C170" s="12" t="s">
        <v>4110</v>
      </c>
    </row>
    <row r="171" spans="1:3" ht="15.75">
      <c r="A171" s="13">
        <v>169</v>
      </c>
      <c r="B171" s="11" t="s">
        <v>4247</v>
      </c>
      <c r="C171" s="12" t="s">
        <v>4110</v>
      </c>
    </row>
    <row r="172" spans="1:3" ht="15.75">
      <c r="A172" s="13">
        <v>170</v>
      </c>
      <c r="B172" s="11" t="s">
        <v>4248</v>
      </c>
      <c r="C172" s="12" t="s">
        <v>4110</v>
      </c>
    </row>
    <row r="173" spans="1:3" ht="15.75">
      <c r="A173" s="10">
        <v>171</v>
      </c>
      <c r="B173" s="11" t="s">
        <v>4249</v>
      </c>
      <c r="C173" s="12" t="s">
        <v>4110</v>
      </c>
    </row>
    <row r="174" spans="1:3" ht="15.75">
      <c r="A174" s="13">
        <v>172</v>
      </c>
      <c r="B174" s="11" t="s">
        <v>4250</v>
      </c>
      <c r="C174" s="12" t="s">
        <v>4110</v>
      </c>
    </row>
    <row r="175" spans="1:3" ht="15.75">
      <c r="A175" s="13">
        <v>173</v>
      </c>
      <c r="B175" s="11" t="s">
        <v>4251</v>
      </c>
      <c r="C175" s="12" t="s">
        <v>4110</v>
      </c>
    </row>
    <row r="176" spans="1:3" ht="15.75">
      <c r="A176" s="13">
        <v>174</v>
      </c>
      <c r="B176" s="11" t="s">
        <v>4252</v>
      </c>
      <c r="C176" s="12" t="s">
        <v>4110</v>
      </c>
    </row>
    <row r="177" spans="1:3" ht="15.75">
      <c r="A177" s="10">
        <v>175</v>
      </c>
      <c r="B177" s="11" t="s">
        <v>4253</v>
      </c>
      <c r="C177" s="12" t="s">
        <v>4110</v>
      </c>
    </row>
    <row r="178" spans="1:3" ht="15.75">
      <c r="A178" s="13">
        <v>176</v>
      </c>
      <c r="B178" s="11" t="s">
        <v>4246</v>
      </c>
      <c r="C178" s="12" t="s">
        <v>4110</v>
      </c>
    </row>
    <row r="179" spans="1:3" ht="15.75">
      <c r="A179" s="13">
        <v>177</v>
      </c>
      <c r="B179" s="11" t="s">
        <v>4254</v>
      </c>
      <c r="C179" s="12" t="s">
        <v>4110</v>
      </c>
    </row>
    <row r="180" spans="1:3" ht="15.75">
      <c r="A180" s="13">
        <v>178</v>
      </c>
      <c r="B180" s="11" t="s">
        <v>4246</v>
      </c>
      <c r="C180" s="12" t="s">
        <v>4110</v>
      </c>
    </row>
    <row r="181" spans="1:3" ht="15.75">
      <c r="A181" s="10">
        <v>179</v>
      </c>
      <c r="B181" s="11" t="s">
        <v>4255</v>
      </c>
      <c r="C181" s="12" t="s">
        <v>4110</v>
      </c>
    </row>
    <row r="182" spans="1:3" ht="15.75">
      <c r="A182" s="13">
        <v>180</v>
      </c>
      <c r="B182" s="11" t="s">
        <v>4256</v>
      </c>
      <c r="C182" s="12" t="s">
        <v>4110</v>
      </c>
    </row>
    <row r="183" spans="1:3" ht="31.5">
      <c r="A183" s="13">
        <v>181</v>
      </c>
      <c r="B183" s="11" t="s">
        <v>4257</v>
      </c>
      <c r="C183" s="12" t="s">
        <v>4110</v>
      </c>
    </row>
    <row r="184" spans="1:3" ht="15.75">
      <c r="A184" s="13">
        <v>182</v>
      </c>
      <c r="B184" s="11" t="s">
        <v>4258</v>
      </c>
      <c r="C184" s="12" t="s">
        <v>4110</v>
      </c>
    </row>
    <row r="185" spans="1:3" ht="15.75">
      <c r="A185" s="10">
        <v>183</v>
      </c>
      <c r="B185" s="11" t="s">
        <v>3585</v>
      </c>
      <c r="C185" s="12" t="s">
        <v>4110</v>
      </c>
    </row>
    <row r="186" spans="1:3" ht="15.75">
      <c r="A186" s="13">
        <v>184</v>
      </c>
      <c r="B186" s="11" t="s">
        <v>4259</v>
      </c>
      <c r="C186" s="12" t="s">
        <v>4110</v>
      </c>
    </row>
    <row r="187" spans="1:3" ht="15.75">
      <c r="A187" s="13">
        <v>185</v>
      </c>
      <c r="B187" s="11" t="s">
        <v>4260</v>
      </c>
      <c r="C187" s="12" t="s">
        <v>4110</v>
      </c>
    </row>
    <row r="188" spans="1:3" ht="15.75">
      <c r="A188" s="13">
        <v>186</v>
      </c>
      <c r="B188" s="11" t="s">
        <v>943</v>
      </c>
      <c r="C188" s="12" t="s">
        <v>4110</v>
      </c>
    </row>
    <row r="189" spans="1:3" ht="15.75">
      <c r="A189" s="10">
        <v>187</v>
      </c>
      <c r="B189" s="11" t="s">
        <v>4261</v>
      </c>
      <c r="C189" s="12" t="s">
        <v>4110</v>
      </c>
    </row>
    <row r="190" spans="1:3" ht="15.75">
      <c r="A190" s="13">
        <v>188</v>
      </c>
      <c r="B190" s="11" t="s">
        <v>4160</v>
      </c>
      <c r="C190" s="12" t="s">
        <v>4110</v>
      </c>
    </row>
    <row r="191" spans="1:3" ht="15.75">
      <c r="A191" s="13">
        <v>189</v>
      </c>
      <c r="B191" s="11" t="s">
        <v>4262</v>
      </c>
      <c r="C191" s="12" t="s">
        <v>4110</v>
      </c>
    </row>
    <row r="192" spans="1:3" ht="15.75">
      <c r="A192" s="13">
        <v>190</v>
      </c>
      <c r="B192" s="11" t="s">
        <v>4263</v>
      </c>
      <c r="C192" s="12" t="s">
        <v>4110</v>
      </c>
    </row>
    <row r="193" spans="1:3" ht="24">
      <c r="A193" s="10">
        <v>191</v>
      </c>
      <c r="B193" s="10" t="s">
        <v>4</v>
      </c>
      <c r="C193" s="12" t="s">
        <v>2</v>
      </c>
    </row>
    <row r="194" spans="1:3" ht="24">
      <c r="A194" s="13">
        <v>192</v>
      </c>
      <c r="B194" s="10" t="s">
        <v>5</v>
      </c>
      <c r="C194" s="12" t="s">
        <v>2</v>
      </c>
    </row>
    <row r="195" spans="1:3" ht="24">
      <c r="A195" s="13">
        <v>193</v>
      </c>
      <c r="B195" s="10" t="s">
        <v>6</v>
      </c>
      <c r="C195" s="12" t="s">
        <v>2</v>
      </c>
    </row>
    <row r="196" spans="1:3" ht="21.75" customHeight="1">
      <c r="A196" s="13">
        <v>194</v>
      </c>
      <c r="B196" s="10" t="s">
        <v>7</v>
      </c>
      <c r="C196" s="12" t="s">
        <v>2</v>
      </c>
    </row>
    <row r="197" spans="1:3" ht="22.5" customHeight="1">
      <c r="A197" s="10">
        <v>195</v>
      </c>
      <c r="B197" s="10" t="s">
        <v>8</v>
      </c>
      <c r="C197" s="12" t="s">
        <v>2</v>
      </c>
    </row>
    <row r="198" spans="1:3" ht="21" customHeight="1">
      <c r="A198" s="13">
        <v>196</v>
      </c>
      <c r="B198" s="10" t="s">
        <v>9</v>
      </c>
      <c r="C198" s="12" t="s">
        <v>2</v>
      </c>
    </row>
    <row r="199" spans="1:3" ht="21" customHeight="1">
      <c r="A199" s="13">
        <v>197</v>
      </c>
      <c r="B199" s="10" t="s">
        <v>10</v>
      </c>
      <c r="C199" s="12" t="s">
        <v>2</v>
      </c>
    </row>
    <row r="200" spans="1:3" ht="24" customHeight="1">
      <c r="A200" s="13">
        <v>198</v>
      </c>
      <c r="B200" s="10" t="s">
        <v>11</v>
      </c>
      <c r="C200" s="12" t="s">
        <v>2</v>
      </c>
    </row>
    <row r="201" spans="1:3" ht="24">
      <c r="A201" s="10">
        <v>199</v>
      </c>
      <c r="B201" s="10" t="s">
        <v>13</v>
      </c>
      <c r="C201" s="12" t="s">
        <v>2</v>
      </c>
    </row>
    <row r="202" spans="1:3" ht="18.75" customHeight="1">
      <c r="A202" s="13">
        <v>200</v>
      </c>
      <c r="B202" s="10" t="s">
        <v>14</v>
      </c>
      <c r="C202" s="12" t="s">
        <v>2</v>
      </c>
    </row>
    <row r="203" spans="1:3" ht="25.5" customHeight="1">
      <c r="A203" s="13">
        <v>201</v>
      </c>
      <c r="B203" s="10" t="s">
        <v>15</v>
      </c>
      <c r="C203" s="12" t="s">
        <v>2</v>
      </c>
    </row>
    <row r="204" spans="1:3" ht="24">
      <c r="A204" s="13">
        <v>202</v>
      </c>
      <c r="B204" s="10" t="s">
        <v>16</v>
      </c>
      <c r="C204" s="12" t="s">
        <v>2</v>
      </c>
    </row>
    <row r="205" spans="1:3" ht="24">
      <c r="A205" s="10">
        <v>203</v>
      </c>
      <c r="B205" s="10" t="s">
        <v>9</v>
      </c>
      <c r="C205" s="12" t="s">
        <v>2</v>
      </c>
    </row>
    <row r="206" spans="1:3" ht="24">
      <c r="A206" s="13">
        <v>204</v>
      </c>
      <c r="B206" s="10" t="s">
        <v>17</v>
      </c>
      <c r="C206" s="12" t="s">
        <v>2</v>
      </c>
    </row>
    <row r="207" spans="1:3" ht="21" customHeight="1">
      <c r="A207" s="13">
        <v>205</v>
      </c>
      <c r="B207" s="10" t="s">
        <v>17</v>
      </c>
      <c r="C207" s="12" t="s">
        <v>2</v>
      </c>
    </row>
    <row r="208" spans="1:3" ht="24">
      <c r="A208" s="13">
        <v>206</v>
      </c>
      <c r="B208" s="10" t="s">
        <v>18</v>
      </c>
      <c r="C208" s="12" t="s">
        <v>2</v>
      </c>
    </row>
    <row r="209" spans="1:3" ht="31.5">
      <c r="A209" s="10">
        <v>207</v>
      </c>
      <c r="B209" s="10" t="s">
        <v>19</v>
      </c>
      <c r="C209" s="12" t="s">
        <v>2</v>
      </c>
    </row>
    <row r="210" spans="1:3" ht="24">
      <c r="A210" s="13">
        <v>208</v>
      </c>
      <c r="B210" s="10" t="s">
        <v>20</v>
      </c>
      <c r="C210" s="12" t="s">
        <v>2</v>
      </c>
    </row>
    <row r="211" spans="1:3" ht="24">
      <c r="A211" s="13">
        <v>209</v>
      </c>
      <c r="B211" s="10" t="s">
        <v>21</v>
      </c>
      <c r="C211" s="12" t="s">
        <v>2</v>
      </c>
    </row>
    <row r="212" spans="1:3" ht="24">
      <c r="A212" s="13">
        <v>210</v>
      </c>
      <c r="B212" s="10" t="s">
        <v>22</v>
      </c>
      <c r="C212" s="12" t="s">
        <v>2</v>
      </c>
    </row>
    <row r="213" spans="1:3" ht="24">
      <c r="A213" s="10">
        <v>211</v>
      </c>
      <c r="B213" s="10" t="s">
        <v>23</v>
      </c>
      <c r="C213" s="12" t="s">
        <v>2</v>
      </c>
    </row>
    <row r="214" spans="1:3" ht="24">
      <c r="A214" s="13">
        <v>212</v>
      </c>
      <c r="B214" s="10" t="s">
        <v>24</v>
      </c>
      <c r="C214" s="12" t="s">
        <v>2</v>
      </c>
    </row>
    <row r="215" spans="1:3" ht="24">
      <c r="A215" s="13">
        <v>213</v>
      </c>
      <c r="B215" s="10" t="s">
        <v>25</v>
      </c>
      <c r="C215" s="12" t="s">
        <v>2</v>
      </c>
    </row>
    <row r="216" spans="1:3" ht="24">
      <c r="A216" s="13">
        <v>214</v>
      </c>
      <c r="B216" s="10" t="s">
        <v>26</v>
      </c>
      <c r="C216" s="12" t="s">
        <v>2</v>
      </c>
    </row>
    <row r="217" spans="1:3" ht="24">
      <c r="A217" s="10">
        <v>215</v>
      </c>
      <c r="B217" s="10" t="s">
        <v>27</v>
      </c>
      <c r="C217" s="12" t="s">
        <v>2</v>
      </c>
    </row>
    <row r="218" spans="1:3" ht="31.5">
      <c r="A218" s="13">
        <v>216</v>
      </c>
      <c r="B218" s="10" t="s">
        <v>28</v>
      </c>
      <c r="C218" s="12" t="s">
        <v>2</v>
      </c>
    </row>
    <row r="219" spans="1:3" ht="24">
      <c r="A219" s="13">
        <v>217</v>
      </c>
      <c r="B219" s="15" t="s">
        <v>29</v>
      </c>
      <c r="C219" s="12" t="s">
        <v>2</v>
      </c>
    </row>
    <row r="220" spans="1:3" ht="24">
      <c r="A220" s="13">
        <v>218</v>
      </c>
      <c r="B220" s="10" t="s">
        <v>30</v>
      </c>
      <c r="C220" s="12" t="s">
        <v>2</v>
      </c>
    </row>
    <row r="221" spans="1:3" ht="31.5">
      <c r="A221" s="10">
        <v>219</v>
      </c>
      <c r="B221" s="10" t="s">
        <v>31</v>
      </c>
      <c r="C221" s="12" t="s">
        <v>2</v>
      </c>
    </row>
    <row r="222" spans="1:3" ht="31.5">
      <c r="A222" s="13">
        <v>220</v>
      </c>
      <c r="B222" s="10" t="s">
        <v>32</v>
      </c>
      <c r="C222" s="12" t="s">
        <v>2</v>
      </c>
    </row>
    <row r="223" spans="1:3" ht="31.5">
      <c r="A223" s="13">
        <v>221</v>
      </c>
      <c r="B223" s="10" t="s">
        <v>33</v>
      </c>
      <c r="C223" s="12" t="s">
        <v>2</v>
      </c>
    </row>
    <row r="224" spans="1:3" ht="24">
      <c r="A224" s="13">
        <v>222</v>
      </c>
      <c r="B224" s="10" t="s">
        <v>34</v>
      </c>
      <c r="C224" s="12" t="s">
        <v>2</v>
      </c>
    </row>
    <row r="225" spans="1:3" ht="31.5">
      <c r="A225" s="10">
        <v>223</v>
      </c>
      <c r="B225" s="14" t="s">
        <v>35</v>
      </c>
      <c r="C225" s="12" t="s">
        <v>2</v>
      </c>
    </row>
    <row r="226" spans="1:3" ht="24">
      <c r="A226" s="13">
        <v>224</v>
      </c>
      <c r="B226" s="10" t="s">
        <v>36</v>
      </c>
      <c r="C226" s="12" t="s">
        <v>2</v>
      </c>
    </row>
    <row r="227" spans="1:3" ht="24">
      <c r="A227" s="13">
        <v>225</v>
      </c>
      <c r="B227" s="10" t="s">
        <v>37</v>
      </c>
      <c r="C227" s="12" t="s">
        <v>2</v>
      </c>
    </row>
    <row r="228" spans="1:3" ht="31.5">
      <c r="A228" s="13">
        <v>226</v>
      </c>
      <c r="B228" s="10" t="s">
        <v>38</v>
      </c>
      <c r="C228" s="12" t="s">
        <v>2</v>
      </c>
    </row>
    <row r="229" spans="1:3" ht="24">
      <c r="A229" s="10">
        <v>227</v>
      </c>
      <c r="B229" s="10" t="s">
        <v>39</v>
      </c>
      <c r="C229" s="12" t="s">
        <v>2</v>
      </c>
    </row>
    <row r="230" spans="1:3" ht="24">
      <c r="A230" s="13">
        <v>228</v>
      </c>
      <c r="B230" s="10" t="s">
        <v>40</v>
      </c>
      <c r="C230" s="12" t="s">
        <v>2</v>
      </c>
    </row>
    <row r="231" spans="1:3" ht="24">
      <c r="A231" s="13">
        <v>229</v>
      </c>
      <c r="B231" s="10" t="s">
        <v>41</v>
      </c>
      <c r="C231" s="12" t="s">
        <v>2</v>
      </c>
    </row>
    <row r="232" spans="1:3" ht="24">
      <c r="A232" s="13">
        <v>230</v>
      </c>
      <c r="B232" s="10" t="s">
        <v>42</v>
      </c>
      <c r="C232" s="12" t="s">
        <v>2</v>
      </c>
    </row>
    <row r="233" spans="1:3" ht="24">
      <c r="A233" s="10">
        <v>231</v>
      </c>
      <c r="B233" s="10" t="s">
        <v>42</v>
      </c>
      <c r="C233" s="12" t="s">
        <v>2</v>
      </c>
    </row>
    <row r="234" spans="1:3" ht="24">
      <c r="A234" s="13">
        <v>232</v>
      </c>
      <c r="B234" s="10" t="s">
        <v>43</v>
      </c>
      <c r="C234" s="12" t="s">
        <v>2</v>
      </c>
    </row>
    <row r="235" spans="1:3" ht="24">
      <c r="A235" s="13">
        <v>233</v>
      </c>
      <c r="B235" s="10" t="s">
        <v>44</v>
      </c>
      <c r="C235" s="12" t="s">
        <v>2</v>
      </c>
    </row>
    <row r="236" spans="1:3" ht="24">
      <c r="A236" s="13">
        <v>234</v>
      </c>
      <c r="B236" s="10" t="s">
        <v>45</v>
      </c>
      <c r="C236" s="12" t="s">
        <v>2</v>
      </c>
    </row>
    <row r="237" spans="1:3" ht="24">
      <c r="A237" s="10">
        <v>235</v>
      </c>
      <c r="B237" s="10" t="s">
        <v>4</v>
      </c>
      <c r="C237" s="12" t="s">
        <v>2</v>
      </c>
    </row>
    <row r="238" spans="1:3" ht="24">
      <c r="A238" s="13">
        <v>236</v>
      </c>
      <c r="B238" s="10" t="s">
        <v>46</v>
      </c>
      <c r="C238" s="12" t="s">
        <v>2</v>
      </c>
    </row>
    <row r="239" spans="1:3" ht="24">
      <c r="A239" s="13">
        <v>237</v>
      </c>
      <c r="B239" s="10" t="s">
        <v>47</v>
      </c>
      <c r="C239" s="12" t="s">
        <v>2</v>
      </c>
    </row>
    <row r="240" spans="1:3" ht="24">
      <c r="A240" s="13">
        <v>238</v>
      </c>
      <c r="B240" s="10" t="s">
        <v>48</v>
      </c>
      <c r="C240" s="12" t="s">
        <v>2</v>
      </c>
    </row>
    <row r="241" spans="1:3" ht="24">
      <c r="A241" s="10">
        <v>239</v>
      </c>
      <c r="B241" s="10" t="s">
        <v>49</v>
      </c>
      <c r="C241" s="12" t="s">
        <v>2</v>
      </c>
    </row>
    <row r="242" spans="1:3" ht="24">
      <c r="A242" s="13">
        <v>240</v>
      </c>
      <c r="B242" s="10" t="s">
        <v>50</v>
      </c>
      <c r="C242" s="12" t="s">
        <v>2</v>
      </c>
    </row>
    <row r="243" spans="1:3" ht="24">
      <c r="A243" s="13">
        <v>241</v>
      </c>
      <c r="B243" s="10" t="s">
        <v>51</v>
      </c>
      <c r="C243" s="12" t="s">
        <v>2</v>
      </c>
    </row>
    <row r="244" spans="1:3" ht="24">
      <c r="A244" s="13">
        <v>242</v>
      </c>
      <c r="B244" s="10" t="s">
        <v>51</v>
      </c>
      <c r="C244" s="12" t="s">
        <v>2</v>
      </c>
    </row>
    <row r="245" spans="1:3" ht="24">
      <c r="A245" s="10">
        <v>243</v>
      </c>
      <c r="B245" s="10" t="s">
        <v>52</v>
      </c>
      <c r="C245" s="12" t="s">
        <v>2</v>
      </c>
    </row>
    <row r="246" spans="1:3" ht="31.5">
      <c r="A246" s="13">
        <v>244</v>
      </c>
      <c r="B246" s="10" t="s">
        <v>53</v>
      </c>
      <c r="C246" s="12" t="s">
        <v>2</v>
      </c>
    </row>
    <row r="247" spans="1:3" ht="31.5">
      <c r="A247" s="13">
        <v>245</v>
      </c>
      <c r="B247" s="10" t="s">
        <v>54</v>
      </c>
      <c r="C247" s="12" t="s">
        <v>2</v>
      </c>
    </row>
    <row r="248" spans="1:3" ht="31.5">
      <c r="A248" s="13">
        <v>246</v>
      </c>
      <c r="B248" s="10" t="s">
        <v>55</v>
      </c>
      <c r="C248" s="12" t="s">
        <v>2</v>
      </c>
    </row>
    <row r="249" spans="1:3" ht="31.5">
      <c r="A249" s="10">
        <v>247</v>
      </c>
      <c r="B249" s="10" t="s">
        <v>56</v>
      </c>
      <c r="C249" s="12" t="s">
        <v>2</v>
      </c>
    </row>
    <row r="250" spans="1:3" ht="24">
      <c r="A250" s="13">
        <v>248</v>
      </c>
      <c r="B250" s="10" t="s">
        <v>57</v>
      </c>
      <c r="C250" s="12" t="s">
        <v>2</v>
      </c>
    </row>
    <row r="251" spans="1:3" ht="33" customHeight="1">
      <c r="A251" s="13">
        <v>249</v>
      </c>
      <c r="B251" s="10" t="s">
        <v>58</v>
      </c>
      <c r="C251" s="12" t="s">
        <v>2</v>
      </c>
    </row>
    <row r="252" spans="1:3" ht="24">
      <c r="A252" s="13">
        <v>250</v>
      </c>
      <c r="B252" s="10" t="s">
        <v>59</v>
      </c>
      <c r="C252" s="12" t="s">
        <v>2</v>
      </c>
    </row>
    <row r="253" spans="1:3" ht="24">
      <c r="A253" s="10">
        <v>251</v>
      </c>
      <c r="B253" s="10" t="s">
        <v>60</v>
      </c>
      <c r="C253" s="12" t="s">
        <v>2</v>
      </c>
    </row>
    <row r="254" spans="1:3" ht="24">
      <c r="A254" s="13">
        <v>252</v>
      </c>
      <c r="B254" s="10" t="s">
        <v>61</v>
      </c>
      <c r="C254" s="12" t="s">
        <v>2</v>
      </c>
    </row>
    <row r="255" spans="1:3" ht="24">
      <c r="A255" s="13">
        <v>253</v>
      </c>
      <c r="B255" s="10" t="s">
        <v>61</v>
      </c>
      <c r="C255" s="12" t="s">
        <v>2</v>
      </c>
    </row>
    <row r="256" spans="1:3" ht="24">
      <c r="A256" s="13">
        <v>254</v>
      </c>
      <c r="B256" s="10" t="s">
        <v>62</v>
      </c>
      <c r="C256" s="12" t="s">
        <v>2</v>
      </c>
    </row>
    <row r="257" spans="1:3" ht="24">
      <c r="A257" s="10">
        <v>255</v>
      </c>
      <c r="B257" s="10" t="s">
        <v>63</v>
      </c>
      <c r="C257" s="12" t="s">
        <v>2</v>
      </c>
    </row>
    <row r="258" spans="1:3" ht="24">
      <c r="A258" s="13">
        <v>256</v>
      </c>
      <c r="B258" s="10" t="s">
        <v>64</v>
      </c>
      <c r="C258" s="12" t="s">
        <v>2</v>
      </c>
    </row>
    <row r="259" spans="1:3" ht="24">
      <c r="A259" s="13">
        <v>257</v>
      </c>
      <c r="B259" s="15" t="s">
        <v>65</v>
      </c>
      <c r="C259" s="12" t="s">
        <v>2</v>
      </c>
    </row>
    <row r="260" spans="1:3" ht="31.5">
      <c r="A260" s="13">
        <v>258</v>
      </c>
      <c r="B260" s="10" t="s">
        <v>66</v>
      </c>
      <c r="C260" s="12" t="s">
        <v>2</v>
      </c>
    </row>
    <row r="261" spans="1:3" ht="31.5">
      <c r="A261" s="10">
        <v>259</v>
      </c>
      <c r="B261" s="10" t="s">
        <v>67</v>
      </c>
      <c r="C261" s="12" t="s">
        <v>2</v>
      </c>
    </row>
    <row r="262" spans="1:3" ht="31.5">
      <c r="A262" s="13">
        <v>260</v>
      </c>
      <c r="B262" s="10" t="s">
        <v>68</v>
      </c>
      <c r="C262" s="12" t="s">
        <v>2</v>
      </c>
    </row>
    <row r="263" spans="1:3" ht="31.5">
      <c r="A263" s="13">
        <v>261</v>
      </c>
      <c r="B263" s="10" t="s">
        <v>68</v>
      </c>
      <c r="C263" s="12" t="s">
        <v>2</v>
      </c>
    </row>
    <row r="264" spans="1:3" ht="24">
      <c r="A264" s="13">
        <v>262</v>
      </c>
      <c r="B264" s="16" t="s">
        <v>65</v>
      </c>
      <c r="C264" s="12" t="s">
        <v>2</v>
      </c>
    </row>
    <row r="265" spans="1:3" ht="24">
      <c r="A265" s="10">
        <v>263</v>
      </c>
      <c r="B265" s="10" t="s">
        <v>65</v>
      </c>
      <c r="C265" s="12" t="s">
        <v>2</v>
      </c>
    </row>
    <row r="266" spans="1:3" ht="24">
      <c r="A266" s="13">
        <v>264</v>
      </c>
      <c r="B266" s="15" t="s">
        <v>65</v>
      </c>
      <c r="C266" s="12" t="s">
        <v>2</v>
      </c>
    </row>
    <row r="267" spans="1:3" ht="24">
      <c r="A267" s="13">
        <v>265</v>
      </c>
      <c r="B267" s="10" t="s">
        <v>69</v>
      </c>
      <c r="C267" s="12" t="s">
        <v>2</v>
      </c>
    </row>
    <row r="268" spans="1:3" ht="24">
      <c r="A268" s="13">
        <v>266</v>
      </c>
      <c r="B268" s="10" t="s">
        <v>70</v>
      </c>
      <c r="C268" s="12" t="s">
        <v>2</v>
      </c>
    </row>
    <row r="269" spans="1:3" ht="31.5">
      <c r="A269" s="10">
        <v>267</v>
      </c>
      <c r="B269" s="10" t="s">
        <v>71</v>
      </c>
      <c r="C269" s="12" t="s">
        <v>2</v>
      </c>
    </row>
    <row r="270" spans="1:3" ht="31.5">
      <c r="A270" s="13">
        <v>268</v>
      </c>
      <c r="B270" s="10" t="s">
        <v>72</v>
      </c>
      <c r="C270" s="12" t="s">
        <v>2</v>
      </c>
    </row>
    <row r="271" spans="1:3" ht="24">
      <c r="A271" s="13">
        <v>269</v>
      </c>
      <c r="B271" s="17" t="s">
        <v>73</v>
      </c>
      <c r="C271" s="12" t="s">
        <v>2</v>
      </c>
    </row>
    <row r="272" spans="1:3" ht="24">
      <c r="A272" s="13">
        <v>270</v>
      </c>
      <c r="B272" s="11" t="s">
        <v>74</v>
      </c>
      <c r="C272" s="12" t="s">
        <v>75</v>
      </c>
    </row>
    <row r="273" spans="1:3" ht="24">
      <c r="A273" s="10">
        <v>271</v>
      </c>
      <c r="B273" s="11" t="s">
        <v>76</v>
      </c>
      <c r="C273" s="12" t="s">
        <v>75</v>
      </c>
    </row>
    <row r="274" spans="1:3" ht="24">
      <c r="A274" s="13">
        <v>272</v>
      </c>
      <c r="B274" s="11" t="s">
        <v>77</v>
      </c>
      <c r="C274" s="12" t="s">
        <v>75</v>
      </c>
    </row>
    <row r="275" spans="1:3" ht="24">
      <c r="A275" s="13">
        <v>273</v>
      </c>
      <c r="B275" s="11" t="s">
        <v>78</v>
      </c>
      <c r="C275" s="12" t="s">
        <v>75</v>
      </c>
    </row>
    <row r="276" spans="1:3" ht="24">
      <c r="A276" s="13">
        <v>274</v>
      </c>
      <c r="B276" s="11" t="s">
        <v>79</v>
      </c>
      <c r="C276" s="12" t="s">
        <v>75</v>
      </c>
    </row>
    <row r="277" spans="1:3" ht="24">
      <c r="A277" s="10">
        <v>275</v>
      </c>
      <c r="B277" s="11" t="s">
        <v>80</v>
      </c>
      <c r="C277" s="12" t="s">
        <v>75</v>
      </c>
    </row>
    <row r="278" spans="1:3" ht="24">
      <c r="A278" s="13">
        <v>276</v>
      </c>
      <c r="B278" s="11" t="s">
        <v>81</v>
      </c>
      <c r="C278" s="12" t="s">
        <v>75</v>
      </c>
    </row>
    <row r="279" spans="1:3" ht="24">
      <c r="A279" s="13">
        <v>277</v>
      </c>
      <c r="B279" s="11" t="s">
        <v>82</v>
      </c>
      <c r="C279" s="12" t="s">
        <v>75</v>
      </c>
    </row>
    <row r="280" spans="1:3" ht="24">
      <c r="A280" s="13">
        <v>278</v>
      </c>
      <c r="B280" s="11" t="s">
        <v>83</v>
      </c>
      <c r="C280" s="12" t="s">
        <v>75</v>
      </c>
    </row>
    <row r="281" spans="1:3" ht="24">
      <c r="A281" s="10">
        <v>279</v>
      </c>
      <c r="B281" s="11" t="s">
        <v>84</v>
      </c>
      <c r="C281" s="12" t="s">
        <v>75</v>
      </c>
    </row>
    <row r="282" spans="1:3" ht="24">
      <c r="A282" s="13">
        <v>280</v>
      </c>
      <c r="B282" s="10" t="s">
        <v>85</v>
      </c>
      <c r="C282" s="12" t="s">
        <v>75</v>
      </c>
    </row>
    <row r="283" spans="1:3" ht="31.5">
      <c r="A283" s="13">
        <v>281</v>
      </c>
      <c r="B283" s="10" t="s">
        <v>86</v>
      </c>
      <c r="C283" s="12" t="s">
        <v>75</v>
      </c>
    </row>
    <row r="284" spans="1:3" ht="24">
      <c r="A284" s="13">
        <v>282</v>
      </c>
      <c r="B284" s="18" t="s">
        <v>87</v>
      </c>
      <c r="C284" s="12" t="s">
        <v>75</v>
      </c>
    </row>
    <row r="285" spans="1:3" ht="31.5">
      <c r="A285" s="10">
        <v>283</v>
      </c>
      <c r="B285" s="10" t="s">
        <v>88</v>
      </c>
      <c r="C285" s="12" t="s">
        <v>75</v>
      </c>
    </row>
    <row r="286" spans="1:3" ht="31.5">
      <c r="A286" s="13">
        <v>284</v>
      </c>
      <c r="B286" s="10" t="s">
        <v>88</v>
      </c>
      <c r="C286" s="12" t="s">
        <v>75</v>
      </c>
    </row>
    <row r="287" spans="1:3" ht="24">
      <c r="A287" s="13">
        <v>285</v>
      </c>
      <c r="B287" s="19" t="s">
        <v>89</v>
      </c>
      <c r="C287" s="12" t="s">
        <v>75</v>
      </c>
    </row>
    <row r="288" spans="1:3" ht="24">
      <c r="A288" s="13">
        <v>286</v>
      </c>
      <c r="B288" s="11" t="s">
        <v>90</v>
      </c>
      <c r="C288" s="12" t="s">
        <v>75</v>
      </c>
    </row>
    <row r="289" spans="1:3" ht="24">
      <c r="A289" s="10">
        <v>287</v>
      </c>
      <c r="B289" s="11" t="s">
        <v>90</v>
      </c>
      <c r="C289" s="12" t="s">
        <v>75</v>
      </c>
    </row>
    <row r="290" spans="1:3" ht="24">
      <c r="A290" s="13">
        <v>288</v>
      </c>
      <c r="B290" s="11" t="s">
        <v>90</v>
      </c>
      <c r="C290" s="12" t="s">
        <v>75</v>
      </c>
    </row>
    <row r="291" spans="1:3" ht="24">
      <c r="A291" s="13">
        <v>289</v>
      </c>
      <c r="B291" s="11" t="s">
        <v>90</v>
      </c>
      <c r="C291" s="12" t="s">
        <v>75</v>
      </c>
    </row>
    <row r="292" spans="1:3" ht="24">
      <c r="A292" s="13">
        <v>290</v>
      </c>
      <c r="B292" s="11" t="s">
        <v>90</v>
      </c>
      <c r="C292" s="12" t="s">
        <v>75</v>
      </c>
    </row>
    <row r="293" spans="1:3" ht="24">
      <c r="A293" s="10">
        <v>291</v>
      </c>
      <c r="B293" s="11" t="s">
        <v>90</v>
      </c>
      <c r="C293" s="12" t="s">
        <v>75</v>
      </c>
    </row>
    <row r="294" spans="1:3" ht="24">
      <c r="A294" s="13">
        <v>292</v>
      </c>
      <c r="B294" s="11" t="s">
        <v>90</v>
      </c>
      <c r="C294" s="12" t="s">
        <v>75</v>
      </c>
    </row>
    <row r="295" spans="1:3" ht="24">
      <c r="A295" s="13">
        <v>293</v>
      </c>
      <c r="B295" s="11" t="s">
        <v>90</v>
      </c>
      <c r="C295" s="12" t="s">
        <v>75</v>
      </c>
    </row>
    <row r="296" spans="1:3" ht="24">
      <c r="A296" s="13">
        <v>294</v>
      </c>
      <c r="B296" s="11" t="s">
        <v>90</v>
      </c>
      <c r="C296" s="12" t="s">
        <v>75</v>
      </c>
    </row>
    <row r="297" spans="1:3" ht="24">
      <c r="A297" s="10">
        <v>295</v>
      </c>
      <c r="B297" s="11" t="s">
        <v>90</v>
      </c>
      <c r="C297" s="12" t="s">
        <v>75</v>
      </c>
    </row>
    <row r="298" spans="1:3" ht="24">
      <c r="A298" s="13">
        <v>296</v>
      </c>
      <c r="B298" s="11" t="s">
        <v>90</v>
      </c>
      <c r="C298" s="12" t="s">
        <v>75</v>
      </c>
    </row>
    <row r="299" spans="1:3" ht="24">
      <c r="A299" s="13">
        <v>297</v>
      </c>
      <c r="B299" s="11" t="s">
        <v>90</v>
      </c>
      <c r="C299" s="12" t="s">
        <v>75</v>
      </c>
    </row>
    <row r="300" spans="1:3" ht="31.5">
      <c r="A300" s="13">
        <v>298</v>
      </c>
      <c r="B300" s="11" t="s">
        <v>91</v>
      </c>
      <c r="C300" s="12" t="s">
        <v>75</v>
      </c>
    </row>
    <row r="301" spans="1:3" ht="31.5">
      <c r="A301" s="10">
        <v>299</v>
      </c>
      <c r="B301" s="11" t="s">
        <v>92</v>
      </c>
      <c r="C301" s="12" t="s">
        <v>75</v>
      </c>
    </row>
    <row r="302" spans="1:3" ht="31.5">
      <c r="A302" s="13">
        <v>300</v>
      </c>
      <c r="B302" s="11" t="s">
        <v>92</v>
      </c>
      <c r="C302" s="12" t="s">
        <v>75</v>
      </c>
    </row>
    <row r="303" spans="1:3" ht="31.5">
      <c r="A303" s="13">
        <v>301</v>
      </c>
      <c r="B303" s="11" t="s">
        <v>93</v>
      </c>
      <c r="C303" s="12" t="s">
        <v>75</v>
      </c>
    </row>
    <row r="304" spans="1:3" ht="31.5">
      <c r="A304" s="13">
        <v>302</v>
      </c>
      <c r="B304" s="11" t="s">
        <v>92</v>
      </c>
      <c r="C304" s="12" t="s">
        <v>75</v>
      </c>
    </row>
    <row r="305" spans="1:3" ht="24">
      <c r="A305" s="10">
        <v>303</v>
      </c>
      <c r="B305" s="11" t="s">
        <v>90</v>
      </c>
      <c r="C305" s="12" t="s">
        <v>75</v>
      </c>
    </row>
    <row r="306" spans="1:3" ht="24">
      <c r="A306" s="13">
        <v>304</v>
      </c>
      <c r="B306" s="11" t="s">
        <v>90</v>
      </c>
      <c r="C306" s="12" t="s">
        <v>75</v>
      </c>
    </row>
    <row r="307" spans="1:3" ht="24">
      <c r="A307" s="13">
        <v>305</v>
      </c>
      <c r="B307" s="11" t="s">
        <v>90</v>
      </c>
      <c r="C307" s="12" t="s">
        <v>75</v>
      </c>
    </row>
    <row r="308" spans="1:3" ht="24">
      <c r="A308" s="13">
        <v>306</v>
      </c>
      <c r="B308" s="11" t="s">
        <v>94</v>
      </c>
      <c r="C308" s="12" t="s">
        <v>75</v>
      </c>
    </row>
    <row r="309" spans="1:3" ht="24">
      <c r="A309" s="10">
        <v>307</v>
      </c>
      <c r="B309" s="10" t="s">
        <v>95</v>
      </c>
      <c r="C309" s="12" t="s">
        <v>75</v>
      </c>
    </row>
    <row r="310" spans="1:3" ht="24">
      <c r="A310" s="13">
        <v>308</v>
      </c>
      <c r="B310" s="10" t="s">
        <v>95</v>
      </c>
      <c r="C310" s="12" t="s">
        <v>75</v>
      </c>
    </row>
    <row r="311" spans="1:3" ht="24">
      <c r="A311" s="13">
        <v>309</v>
      </c>
      <c r="B311" s="20" t="s">
        <v>96</v>
      </c>
      <c r="C311" s="12" t="s">
        <v>75</v>
      </c>
    </row>
    <row r="312" spans="1:3" ht="24">
      <c r="A312" s="13">
        <v>310</v>
      </c>
      <c r="B312" s="18" t="s">
        <v>97</v>
      </c>
      <c r="C312" s="12" t="s">
        <v>98</v>
      </c>
    </row>
    <row r="313" spans="1:3" ht="24">
      <c r="A313" s="10">
        <v>311</v>
      </c>
      <c r="B313" s="2" t="s">
        <v>99</v>
      </c>
      <c r="C313" s="12" t="s">
        <v>98</v>
      </c>
    </row>
    <row r="314" spans="1:3" ht="24">
      <c r="A314" s="13">
        <v>312</v>
      </c>
      <c r="B314" s="2" t="s">
        <v>100</v>
      </c>
      <c r="C314" s="12" t="s">
        <v>98</v>
      </c>
    </row>
    <row r="315" spans="1:3" ht="24">
      <c r="A315" s="13">
        <v>313</v>
      </c>
      <c r="B315" s="22" t="s">
        <v>12</v>
      </c>
      <c r="C315" s="12" t="s">
        <v>98</v>
      </c>
    </row>
    <row r="316" spans="1:3" ht="31.5">
      <c r="A316" s="13">
        <v>314</v>
      </c>
      <c r="B316" s="11" t="s">
        <v>103</v>
      </c>
      <c r="C316" s="12" t="s">
        <v>98</v>
      </c>
    </row>
    <row r="317" spans="1:3" ht="31.5">
      <c r="A317" s="10">
        <v>315</v>
      </c>
      <c r="B317" s="21" t="s">
        <v>104</v>
      </c>
      <c r="C317" s="12" t="s">
        <v>98</v>
      </c>
    </row>
    <row r="318" spans="1:3" ht="24">
      <c r="A318" s="13">
        <v>316</v>
      </c>
      <c r="B318" s="22" t="s">
        <v>12</v>
      </c>
      <c r="C318" s="12" t="s">
        <v>98</v>
      </c>
    </row>
    <row r="319" spans="1:3" ht="24">
      <c r="A319" s="13">
        <v>317</v>
      </c>
      <c r="B319" s="22" t="s">
        <v>12</v>
      </c>
      <c r="C319" s="12" t="s">
        <v>98</v>
      </c>
    </row>
    <row r="320" spans="1:3" ht="31.5">
      <c r="A320" s="13">
        <v>318</v>
      </c>
      <c r="B320" s="22" t="s">
        <v>105</v>
      </c>
      <c r="C320" s="12" t="s">
        <v>98</v>
      </c>
    </row>
    <row r="321" spans="1:3" ht="24">
      <c r="A321" s="10">
        <v>319</v>
      </c>
      <c r="B321" s="22" t="s">
        <v>106</v>
      </c>
      <c r="C321" s="12" t="s">
        <v>98</v>
      </c>
    </row>
    <row r="322" spans="1:3" ht="31.5">
      <c r="A322" s="13">
        <v>320</v>
      </c>
      <c r="B322" s="22" t="s">
        <v>107</v>
      </c>
      <c r="C322" s="12" t="s">
        <v>98</v>
      </c>
    </row>
    <row r="323" spans="1:3" ht="24">
      <c r="A323" s="13">
        <v>321</v>
      </c>
      <c r="B323" s="22" t="s">
        <v>108</v>
      </c>
      <c r="C323" s="12" t="s">
        <v>98</v>
      </c>
    </row>
    <row r="324" spans="1:3" ht="24">
      <c r="A324" s="13">
        <v>322</v>
      </c>
      <c r="B324" s="2" t="s">
        <v>109</v>
      </c>
      <c r="C324" s="12" t="s">
        <v>98</v>
      </c>
    </row>
    <row r="325" spans="1:3" ht="24">
      <c r="A325" s="10">
        <v>323</v>
      </c>
      <c r="B325" s="10" t="s">
        <v>110</v>
      </c>
      <c r="C325" s="12" t="s">
        <v>98</v>
      </c>
    </row>
    <row r="326" spans="1:3" ht="24">
      <c r="A326" s="13">
        <v>324</v>
      </c>
      <c r="B326" s="2" t="s">
        <v>111</v>
      </c>
      <c r="C326" s="12" t="s">
        <v>98</v>
      </c>
    </row>
    <row r="327" spans="1:3" ht="24">
      <c r="A327" s="13">
        <v>325</v>
      </c>
      <c r="B327" s="2" t="s">
        <v>112</v>
      </c>
      <c r="C327" s="12" t="s">
        <v>98</v>
      </c>
    </row>
    <row r="328" spans="1:3" ht="24">
      <c r="A328" s="13">
        <v>326</v>
      </c>
      <c r="B328" s="2" t="s">
        <v>113</v>
      </c>
      <c r="C328" s="12" t="s">
        <v>98</v>
      </c>
    </row>
    <row r="329" spans="1:3" ht="24">
      <c r="A329" s="10">
        <v>327</v>
      </c>
      <c r="B329" s="2" t="s">
        <v>114</v>
      </c>
      <c r="C329" s="12" t="s">
        <v>98</v>
      </c>
    </row>
    <row r="330" spans="1:3" ht="24">
      <c r="A330" s="13">
        <v>328</v>
      </c>
      <c r="B330" s="2" t="s">
        <v>115</v>
      </c>
      <c r="C330" s="12" t="s">
        <v>98</v>
      </c>
    </row>
    <row r="331" spans="1:3" ht="36">
      <c r="A331" s="13">
        <v>329</v>
      </c>
      <c r="B331" s="11" t="s">
        <v>117</v>
      </c>
      <c r="C331" s="12" t="s">
        <v>116</v>
      </c>
    </row>
    <row r="332" spans="1:3" ht="36">
      <c r="A332" s="13">
        <v>330</v>
      </c>
      <c r="B332" s="11" t="s">
        <v>118</v>
      </c>
      <c r="C332" s="12" t="s">
        <v>116</v>
      </c>
    </row>
    <row r="333" spans="1:3" ht="36">
      <c r="A333" s="10">
        <v>331</v>
      </c>
      <c r="B333" s="11" t="s">
        <v>119</v>
      </c>
      <c r="C333" s="12" t="s">
        <v>116</v>
      </c>
    </row>
    <row r="334" spans="1:3" ht="36">
      <c r="A334" s="13">
        <v>332</v>
      </c>
      <c r="B334" s="11" t="s">
        <v>120</v>
      </c>
      <c r="C334" s="12" t="s">
        <v>116</v>
      </c>
    </row>
    <row r="335" spans="1:3" ht="36">
      <c r="A335" s="13">
        <v>333</v>
      </c>
      <c r="B335" s="11" t="s">
        <v>121</v>
      </c>
      <c r="C335" s="12" t="s">
        <v>116</v>
      </c>
    </row>
    <row r="336" spans="1:3" ht="36">
      <c r="A336" s="13">
        <v>334</v>
      </c>
      <c r="B336" s="23" t="s">
        <v>122</v>
      </c>
      <c r="C336" s="12" t="s">
        <v>116</v>
      </c>
    </row>
    <row r="337" spans="1:3" ht="36">
      <c r="A337" s="10">
        <v>335</v>
      </c>
      <c r="B337" s="11" t="s">
        <v>123</v>
      </c>
      <c r="C337" s="12" t="s">
        <v>116</v>
      </c>
    </row>
    <row r="338" spans="1:3" ht="36">
      <c r="A338" s="13">
        <v>336</v>
      </c>
      <c r="B338" s="11" t="s">
        <v>124</v>
      </c>
      <c r="C338" s="12" t="s">
        <v>116</v>
      </c>
    </row>
    <row r="339" spans="1:3" ht="36">
      <c r="A339" s="13">
        <v>337</v>
      </c>
      <c r="B339" s="11" t="s">
        <v>125</v>
      </c>
      <c r="C339" s="12" t="s">
        <v>116</v>
      </c>
    </row>
    <row r="340" spans="1:3" ht="36">
      <c r="A340" s="13">
        <v>338</v>
      </c>
      <c r="B340" s="11" t="s">
        <v>125</v>
      </c>
      <c r="C340" s="12" t="s">
        <v>116</v>
      </c>
    </row>
    <row r="341" spans="1:3" ht="36">
      <c r="A341" s="10">
        <v>339</v>
      </c>
      <c r="B341" s="23" t="s">
        <v>126</v>
      </c>
      <c r="C341" s="12" t="s">
        <v>116</v>
      </c>
    </row>
    <row r="342" spans="1:3" ht="36">
      <c r="A342" s="13">
        <v>340</v>
      </c>
      <c r="B342" s="11" t="s">
        <v>127</v>
      </c>
      <c r="C342" s="12" t="s">
        <v>116</v>
      </c>
    </row>
    <row r="343" spans="1:3" ht="36">
      <c r="A343" s="13">
        <v>341</v>
      </c>
      <c r="B343" s="11" t="s">
        <v>128</v>
      </c>
      <c r="C343" s="12" t="s">
        <v>116</v>
      </c>
    </row>
    <row r="344" spans="1:3" ht="36">
      <c r="A344" s="13">
        <v>342</v>
      </c>
      <c r="B344" s="11" t="s">
        <v>129</v>
      </c>
      <c r="C344" s="12" t="s">
        <v>116</v>
      </c>
    </row>
    <row r="345" spans="1:3" ht="36">
      <c r="A345" s="10">
        <v>343</v>
      </c>
      <c r="B345" s="11" t="s">
        <v>130</v>
      </c>
      <c r="C345" s="12" t="s">
        <v>116</v>
      </c>
    </row>
    <row r="346" spans="1:3" ht="36">
      <c r="A346" s="13">
        <v>344</v>
      </c>
      <c r="B346" s="11" t="s">
        <v>131</v>
      </c>
      <c r="C346" s="12" t="s">
        <v>116</v>
      </c>
    </row>
    <row r="347" spans="1:3" ht="36">
      <c r="A347" s="13">
        <v>345</v>
      </c>
      <c r="B347" s="11" t="s">
        <v>132</v>
      </c>
      <c r="C347" s="12" t="s">
        <v>116</v>
      </c>
    </row>
    <row r="348" spans="1:3" ht="36">
      <c r="A348" s="13">
        <v>346</v>
      </c>
      <c r="B348" s="11" t="s">
        <v>133</v>
      </c>
      <c r="C348" s="12" t="s">
        <v>116</v>
      </c>
    </row>
    <row r="349" spans="1:3" ht="36">
      <c r="A349" s="10">
        <v>347</v>
      </c>
      <c r="B349" s="11" t="s">
        <v>134</v>
      </c>
      <c r="C349" s="12" t="s">
        <v>116</v>
      </c>
    </row>
    <row r="350" spans="1:3" ht="36">
      <c r="A350" s="13">
        <v>348</v>
      </c>
      <c r="B350" s="11" t="s">
        <v>135</v>
      </c>
      <c r="C350" s="12" t="s">
        <v>116</v>
      </c>
    </row>
    <row r="351" spans="1:3" ht="36">
      <c r="A351" s="13">
        <v>349</v>
      </c>
      <c r="B351" s="11" t="s">
        <v>135</v>
      </c>
      <c r="C351" s="12" t="s">
        <v>116</v>
      </c>
    </row>
    <row r="352" spans="1:3" ht="36">
      <c r="A352" s="13">
        <v>350</v>
      </c>
      <c r="B352" s="11" t="s">
        <v>135</v>
      </c>
      <c r="C352" s="12" t="s">
        <v>116</v>
      </c>
    </row>
    <row r="353" spans="1:3" ht="36">
      <c r="A353" s="10">
        <v>351</v>
      </c>
      <c r="B353" s="11" t="s">
        <v>136</v>
      </c>
      <c r="C353" s="12" t="s">
        <v>116</v>
      </c>
    </row>
    <row r="354" spans="1:3" ht="36">
      <c r="A354" s="13">
        <v>352</v>
      </c>
      <c r="B354" s="11" t="s">
        <v>137</v>
      </c>
      <c r="C354" s="12" t="s">
        <v>116</v>
      </c>
    </row>
    <row r="355" spans="1:3" ht="36">
      <c r="A355" s="13">
        <v>353</v>
      </c>
      <c r="B355" s="11" t="s">
        <v>137</v>
      </c>
      <c r="C355" s="12" t="s">
        <v>116</v>
      </c>
    </row>
    <row r="356" spans="1:3" ht="36">
      <c r="A356" s="13">
        <v>354</v>
      </c>
      <c r="B356" s="11" t="s">
        <v>138</v>
      </c>
      <c r="C356" s="12" t="s">
        <v>116</v>
      </c>
    </row>
    <row r="357" spans="1:3" ht="36">
      <c r="A357" s="10">
        <v>355</v>
      </c>
      <c r="B357" s="11" t="s">
        <v>138</v>
      </c>
      <c r="C357" s="12" t="s">
        <v>116</v>
      </c>
    </row>
    <row r="358" spans="1:3" ht="36">
      <c r="A358" s="13">
        <v>356</v>
      </c>
      <c r="B358" s="11" t="s">
        <v>139</v>
      </c>
      <c r="C358" s="12" t="s">
        <v>116</v>
      </c>
    </row>
    <row r="359" spans="1:3" ht="36">
      <c r="A359" s="13">
        <v>357</v>
      </c>
      <c r="B359" s="11" t="s">
        <v>140</v>
      </c>
      <c r="C359" s="12" t="s">
        <v>116</v>
      </c>
    </row>
    <row r="360" spans="1:3" ht="36">
      <c r="A360" s="13">
        <v>358</v>
      </c>
      <c r="B360" s="11" t="s">
        <v>141</v>
      </c>
      <c r="C360" s="12" t="s">
        <v>116</v>
      </c>
    </row>
    <row r="361" spans="1:3" ht="36">
      <c r="A361" s="10">
        <v>359</v>
      </c>
      <c r="B361" s="11" t="s">
        <v>141</v>
      </c>
      <c r="C361" s="12" t="s">
        <v>116</v>
      </c>
    </row>
    <row r="362" spans="1:3" ht="36">
      <c r="A362" s="13">
        <v>360</v>
      </c>
      <c r="B362" s="11" t="s">
        <v>142</v>
      </c>
      <c r="C362" s="12" t="s">
        <v>116</v>
      </c>
    </row>
    <row r="363" spans="1:3" ht="36">
      <c r="A363" s="13">
        <v>361</v>
      </c>
      <c r="B363" s="11" t="s">
        <v>142</v>
      </c>
      <c r="C363" s="12" t="s">
        <v>116</v>
      </c>
    </row>
    <row r="364" spans="1:3" ht="36">
      <c r="A364" s="13">
        <v>362</v>
      </c>
      <c r="B364" s="11" t="s">
        <v>143</v>
      </c>
      <c r="C364" s="12" t="s">
        <v>116</v>
      </c>
    </row>
    <row r="365" spans="1:3" ht="36">
      <c r="A365" s="10">
        <v>363</v>
      </c>
      <c r="B365" s="11" t="s">
        <v>145</v>
      </c>
      <c r="C365" s="12" t="s">
        <v>116</v>
      </c>
    </row>
    <row r="366" spans="1:3" ht="36">
      <c r="A366" s="13">
        <v>364</v>
      </c>
      <c r="B366" s="11" t="s">
        <v>146</v>
      </c>
      <c r="C366" s="12" t="s">
        <v>116</v>
      </c>
    </row>
    <row r="367" spans="1:3" ht="36">
      <c r="A367" s="13">
        <v>365</v>
      </c>
      <c r="B367" s="11" t="s">
        <v>146</v>
      </c>
      <c r="C367" s="12" t="s">
        <v>116</v>
      </c>
    </row>
    <row r="368" spans="1:3" ht="36">
      <c r="A368" s="13">
        <v>366</v>
      </c>
      <c r="B368" s="11" t="s">
        <v>146</v>
      </c>
      <c r="C368" s="12" t="s">
        <v>116</v>
      </c>
    </row>
    <row r="369" spans="1:3" ht="36">
      <c r="A369" s="10">
        <v>367</v>
      </c>
      <c r="B369" s="11" t="s">
        <v>147</v>
      </c>
      <c r="C369" s="12" t="s">
        <v>116</v>
      </c>
    </row>
    <row r="370" spans="1:3" ht="36">
      <c r="A370" s="13">
        <v>368</v>
      </c>
      <c r="B370" s="11" t="s">
        <v>148</v>
      </c>
      <c r="C370" s="12" t="s">
        <v>116</v>
      </c>
    </row>
    <row r="371" spans="1:3" ht="36">
      <c r="A371" s="13">
        <v>369</v>
      </c>
      <c r="B371" s="11" t="s">
        <v>149</v>
      </c>
      <c r="C371" s="12" t="s">
        <v>116</v>
      </c>
    </row>
    <row r="372" spans="1:3" ht="36">
      <c r="A372" s="13">
        <v>370</v>
      </c>
      <c r="B372" s="11" t="s">
        <v>150</v>
      </c>
      <c r="C372" s="12" t="s">
        <v>116</v>
      </c>
    </row>
    <row r="373" spans="1:3" ht="36">
      <c r="A373" s="10">
        <v>371</v>
      </c>
      <c r="B373" s="11" t="s">
        <v>151</v>
      </c>
      <c r="C373" s="12" t="s">
        <v>116</v>
      </c>
    </row>
    <row r="374" spans="1:3" ht="36">
      <c r="A374" s="13">
        <v>372</v>
      </c>
      <c r="B374" s="11" t="s">
        <v>152</v>
      </c>
      <c r="C374" s="12" t="s">
        <v>116</v>
      </c>
    </row>
    <row r="375" spans="1:3" ht="36">
      <c r="A375" s="13">
        <v>373</v>
      </c>
      <c r="B375" s="11" t="s">
        <v>153</v>
      </c>
      <c r="C375" s="12" t="s">
        <v>116</v>
      </c>
    </row>
    <row r="376" spans="1:3" ht="36">
      <c r="A376" s="13">
        <v>374</v>
      </c>
      <c r="B376" s="11" t="s">
        <v>154</v>
      </c>
      <c r="C376" s="12" t="s">
        <v>116</v>
      </c>
    </row>
    <row r="377" spans="1:3" ht="36">
      <c r="A377" s="10">
        <v>375</v>
      </c>
      <c r="B377" s="11" t="s">
        <v>155</v>
      </c>
      <c r="C377" s="12" t="s">
        <v>116</v>
      </c>
    </row>
    <row r="378" spans="1:3" ht="36">
      <c r="A378" s="13">
        <v>376</v>
      </c>
      <c r="B378" s="11" t="s">
        <v>156</v>
      </c>
      <c r="C378" s="12" t="s">
        <v>116</v>
      </c>
    </row>
    <row r="379" spans="1:3" ht="36">
      <c r="A379" s="13">
        <v>377</v>
      </c>
      <c r="B379" s="11" t="s">
        <v>157</v>
      </c>
      <c r="C379" s="12" t="s">
        <v>116</v>
      </c>
    </row>
    <row r="380" spans="1:3" ht="36">
      <c r="A380" s="13">
        <v>378</v>
      </c>
      <c r="B380" s="11" t="s">
        <v>158</v>
      </c>
      <c r="C380" s="12" t="s">
        <v>116</v>
      </c>
    </row>
    <row r="381" spans="1:3" ht="36">
      <c r="A381" s="10">
        <v>379</v>
      </c>
      <c r="B381" s="11" t="s">
        <v>159</v>
      </c>
      <c r="C381" s="12" t="s">
        <v>116</v>
      </c>
    </row>
    <row r="382" spans="1:3" ht="36">
      <c r="A382" s="13">
        <v>380</v>
      </c>
      <c r="B382" s="11" t="s">
        <v>160</v>
      </c>
      <c r="C382" s="12" t="s">
        <v>116</v>
      </c>
    </row>
    <row r="383" spans="1:3" ht="36">
      <c r="A383" s="13">
        <v>381</v>
      </c>
      <c r="B383" s="11" t="s">
        <v>161</v>
      </c>
      <c r="C383" s="12" t="s">
        <v>116</v>
      </c>
    </row>
    <row r="384" spans="1:3" ht="36">
      <c r="A384" s="13">
        <v>382</v>
      </c>
      <c r="B384" s="11" t="s">
        <v>162</v>
      </c>
      <c r="C384" s="12" t="s">
        <v>116</v>
      </c>
    </row>
    <row r="385" spans="1:3" ht="36">
      <c r="A385" s="10">
        <v>383</v>
      </c>
      <c r="B385" s="11" t="s">
        <v>163</v>
      </c>
      <c r="C385" s="12" t="s">
        <v>116</v>
      </c>
    </row>
    <row r="386" spans="1:3" ht="36">
      <c r="A386" s="13">
        <v>384</v>
      </c>
      <c r="B386" s="11" t="s">
        <v>165</v>
      </c>
      <c r="C386" s="12" t="s">
        <v>116</v>
      </c>
    </row>
    <row r="387" spans="1:3" ht="36">
      <c r="A387" s="13">
        <v>385</v>
      </c>
      <c r="B387" s="11" t="s">
        <v>166</v>
      </c>
      <c r="C387" s="12" t="s">
        <v>116</v>
      </c>
    </row>
    <row r="388" spans="1:3" ht="36">
      <c r="A388" s="13">
        <v>386</v>
      </c>
      <c r="B388" s="23" t="s">
        <v>167</v>
      </c>
      <c r="C388" s="12" t="s">
        <v>116</v>
      </c>
    </row>
    <row r="389" spans="1:3" ht="36">
      <c r="A389" s="10">
        <v>387</v>
      </c>
      <c r="B389" s="11" t="s">
        <v>168</v>
      </c>
      <c r="C389" s="12" t="s">
        <v>116</v>
      </c>
    </row>
    <row r="390" spans="1:3" ht="36">
      <c r="A390" s="13">
        <v>388</v>
      </c>
      <c r="B390" s="11" t="s">
        <v>169</v>
      </c>
      <c r="C390" s="12" t="s">
        <v>116</v>
      </c>
    </row>
    <row r="391" spans="1:3" ht="36">
      <c r="A391" s="13">
        <v>389</v>
      </c>
      <c r="B391" s="11" t="s">
        <v>170</v>
      </c>
      <c r="C391" s="12" t="s">
        <v>116</v>
      </c>
    </row>
    <row r="392" spans="1:3" ht="36">
      <c r="A392" s="13">
        <v>390</v>
      </c>
      <c r="B392" s="11" t="s">
        <v>171</v>
      </c>
      <c r="C392" s="12" t="s">
        <v>116</v>
      </c>
    </row>
    <row r="393" spans="1:3" ht="36">
      <c r="A393" s="10">
        <v>391</v>
      </c>
      <c r="B393" s="23" t="s">
        <v>173</v>
      </c>
      <c r="C393" s="12" t="s">
        <v>116</v>
      </c>
    </row>
    <row r="394" spans="1:3" ht="36">
      <c r="A394" s="13">
        <v>392</v>
      </c>
      <c r="B394" s="11" t="s">
        <v>174</v>
      </c>
      <c r="C394" s="12" t="s">
        <v>116</v>
      </c>
    </row>
    <row r="395" spans="1:3" ht="36">
      <c r="A395" s="13">
        <v>393</v>
      </c>
      <c r="B395" s="11" t="s">
        <v>175</v>
      </c>
      <c r="C395" s="12" t="s">
        <v>116</v>
      </c>
    </row>
    <row r="396" spans="1:3" ht="36">
      <c r="A396" s="13">
        <v>394</v>
      </c>
      <c r="B396" s="11" t="s">
        <v>176</v>
      </c>
      <c r="C396" s="12" t="s">
        <v>116</v>
      </c>
    </row>
    <row r="397" spans="1:3" ht="36">
      <c r="A397" s="10">
        <v>395</v>
      </c>
      <c r="B397" s="11" t="s">
        <v>177</v>
      </c>
      <c r="C397" s="12" t="s">
        <v>116</v>
      </c>
    </row>
    <row r="398" spans="1:3" ht="36">
      <c r="A398" s="13">
        <v>396</v>
      </c>
      <c r="B398" s="11" t="s">
        <v>178</v>
      </c>
      <c r="C398" s="12" t="s">
        <v>116</v>
      </c>
    </row>
    <row r="399" spans="1:3" ht="36">
      <c r="A399" s="13">
        <v>397</v>
      </c>
      <c r="B399" s="11" t="s">
        <v>179</v>
      </c>
      <c r="C399" s="12" t="s">
        <v>116</v>
      </c>
    </row>
    <row r="400" spans="1:3" ht="36">
      <c r="A400" s="13">
        <v>398</v>
      </c>
      <c r="B400" s="11" t="s">
        <v>180</v>
      </c>
      <c r="C400" s="12" t="s">
        <v>116</v>
      </c>
    </row>
    <row r="401" spans="1:3" ht="36">
      <c r="A401" s="10">
        <v>399</v>
      </c>
      <c r="B401" s="11" t="s">
        <v>181</v>
      </c>
      <c r="C401" s="12" t="s">
        <v>116</v>
      </c>
    </row>
    <row r="402" spans="1:3" ht="36">
      <c r="A402" s="13">
        <v>400</v>
      </c>
      <c r="B402" s="11" t="s">
        <v>181</v>
      </c>
      <c r="C402" s="12" t="s">
        <v>116</v>
      </c>
    </row>
    <row r="403" spans="1:3" ht="36">
      <c r="A403" s="13">
        <v>401</v>
      </c>
      <c r="B403" s="11" t="s">
        <v>182</v>
      </c>
      <c r="C403" s="12" t="s">
        <v>116</v>
      </c>
    </row>
    <row r="404" spans="1:3" ht="36">
      <c r="A404" s="13">
        <v>402</v>
      </c>
      <c r="B404" s="11" t="s">
        <v>182</v>
      </c>
      <c r="C404" s="12" t="s">
        <v>116</v>
      </c>
    </row>
    <row r="405" spans="1:3" ht="36">
      <c r="A405" s="10">
        <v>403</v>
      </c>
      <c r="B405" s="11" t="s">
        <v>182</v>
      </c>
      <c r="C405" s="12" t="s">
        <v>116</v>
      </c>
    </row>
    <row r="406" spans="1:3" ht="36">
      <c r="A406" s="13">
        <v>404</v>
      </c>
      <c r="B406" s="11" t="s">
        <v>182</v>
      </c>
      <c r="C406" s="12" t="s">
        <v>116</v>
      </c>
    </row>
    <row r="407" spans="1:3" ht="36">
      <c r="A407" s="13">
        <v>405</v>
      </c>
      <c r="B407" s="11" t="s">
        <v>183</v>
      </c>
      <c r="C407" s="12" t="s">
        <v>116</v>
      </c>
    </row>
    <row r="408" spans="1:3" ht="36">
      <c r="A408" s="13">
        <v>406</v>
      </c>
      <c r="B408" s="11" t="s">
        <v>184</v>
      </c>
      <c r="C408" s="12" t="s">
        <v>116</v>
      </c>
    </row>
    <row r="409" spans="1:3" ht="36">
      <c r="A409" s="10">
        <v>407</v>
      </c>
      <c r="B409" s="11" t="s">
        <v>185</v>
      </c>
      <c r="C409" s="12" t="s">
        <v>116</v>
      </c>
    </row>
    <row r="410" spans="1:3" ht="36">
      <c r="A410" s="13">
        <v>408</v>
      </c>
      <c r="B410" s="11" t="s">
        <v>186</v>
      </c>
      <c r="C410" s="12" t="s">
        <v>116</v>
      </c>
    </row>
    <row r="411" spans="1:3" ht="36">
      <c r="A411" s="13">
        <v>409</v>
      </c>
      <c r="B411" s="11" t="s">
        <v>186</v>
      </c>
      <c r="C411" s="12" t="s">
        <v>116</v>
      </c>
    </row>
    <row r="412" spans="1:3" ht="36">
      <c r="A412" s="13">
        <v>410</v>
      </c>
      <c r="B412" s="11" t="s">
        <v>187</v>
      </c>
      <c r="C412" s="12" t="s">
        <v>116</v>
      </c>
    </row>
    <row r="413" spans="1:3" ht="36">
      <c r="A413" s="10">
        <v>411</v>
      </c>
      <c r="B413" s="11" t="s">
        <v>188</v>
      </c>
      <c r="C413" s="12" t="s">
        <v>116</v>
      </c>
    </row>
    <row r="414" spans="1:3" ht="36">
      <c r="A414" s="13">
        <v>412</v>
      </c>
      <c r="B414" s="11" t="s">
        <v>189</v>
      </c>
      <c r="C414" s="12" t="s">
        <v>116</v>
      </c>
    </row>
    <row r="415" spans="1:3" ht="36">
      <c r="A415" s="13">
        <v>413</v>
      </c>
      <c r="B415" s="11" t="s">
        <v>191</v>
      </c>
      <c r="C415" s="12" t="s">
        <v>116</v>
      </c>
    </row>
    <row r="416" spans="1:3" ht="36">
      <c r="A416" s="13">
        <v>414</v>
      </c>
      <c r="B416" s="11" t="s">
        <v>192</v>
      </c>
      <c r="C416" s="12" t="s">
        <v>116</v>
      </c>
    </row>
    <row r="417" spans="1:3" ht="36">
      <c r="A417" s="10">
        <v>415</v>
      </c>
      <c r="B417" s="11" t="s">
        <v>193</v>
      </c>
      <c r="C417" s="12" t="s">
        <v>116</v>
      </c>
    </row>
    <row r="418" spans="1:3" ht="36">
      <c r="A418" s="13">
        <v>416</v>
      </c>
      <c r="B418" s="11" t="s">
        <v>194</v>
      </c>
      <c r="C418" s="12" t="s">
        <v>116</v>
      </c>
    </row>
    <row r="419" spans="1:3" ht="36">
      <c r="A419" s="13">
        <v>417</v>
      </c>
      <c r="B419" s="11" t="s">
        <v>195</v>
      </c>
      <c r="C419" s="12" t="s">
        <v>116</v>
      </c>
    </row>
    <row r="420" spans="1:3" ht="36">
      <c r="A420" s="13">
        <v>418</v>
      </c>
      <c r="B420" s="11" t="s">
        <v>196</v>
      </c>
      <c r="C420" s="12" t="s">
        <v>116</v>
      </c>
    </row>
    <row r="421" spans="1:3" ht="36">
      <c r="A421" s="10">
        <v>419</v>
      </c>
      <c r="B421" s="11" t="s">
        <v>197</v>
      </c>
      <c r="C421" s="12" t="s">
        <v>116</v>
      </c>
    </row>
    <row r="422" spans="1:3" ht="36">
      <c r="A422" s="13">
        <v>420</v>
      </c>
      <c r="B422" s="11" t="s">
        <v>198</v>
      </c>
      <c r="C422" s="12" t="s">
        <v>116</v>
      </c>
    </row>
    <row r="423" spans="1:3" ht="36">
      <c r="A423" s="13">
        <v>421</v>
      </c>
      <c r="B423" s="11" t="s">
        <v>199</v>
      </c>
      <c r="C423" s="12" t="s">
        <v>116</v>
      </c>
    </row>
    <row r="424" spans="1:3" ht="36">
      <c r="A424" s="13">
        <v>422</v>
      </c>
      <c r="B424" s="11" t="s">
        <v>167</v>
      </c>
      <c r="C424" s="12" t="s">
        <v>116</v>
      </c>
    </row>
    <row r="425" spans="1:3" ht="36">
      <c r="A425" s="10">
        <v>423</v>
      </c>
      <c r="B425" s="11" t="s">
        <v>144</v>
      </c>
      <c r="C425" s="12" t="s">
        <v>116</v>
      </c>
    </row>
    <row r="426" spans="1:3" ht="36">
      <c r="A426" s="13">
        <v>424</v>
      </c>
      <c r="B426" s="11" t="s">
        <v>151</v>
      </c>
      <c r="C426" s="12" t="s">
        <v>116</v>
      </c>
    </row>
    <row r="427" spans="1:3" ht="36">
      <c r="A427" s="13">
        <v>425</v>
      </c>
      <c r="B427" s="11" t="s">
        <v>200</v>
      </c>
      <c r="C427" s="12" t="s">
        <v>116</v>
      </c>
    </row>
    <row r="428" spans="1:3" ht="36">
      <c r="A428" s="13">
        <v>426</v>
      </c>
      <c r="B428" s="11" t="s">
        <v>201</v>
      </c>
      <c r="C428" s="12" t="s">
        <v>116</v>
      </c>
    </row>
    <row r="429" spans="1:3" ht="36">
      <c r="A429" s="10">
        <v>427</v>
      </c>
      <c r="B429" s="11" t="s">
        <v>202</v>
      </c>
      <c r="C429" s="12" t="s">
        <v>116</v>
      </c>
    </row>
    <row r="430" spans="1:3" ht="36">
      <c r="A430" s="13">
        <v>428</v>
      </c>
      <c r="B430" s="23" t="s">
        <v>167</v>
      </c>
      <c r="C430" s="12" t="s">
        <v>116</v>
      </c>
    </row>
    <row r="431" spans="1:3" ht="36">
      <c r="A431" s="13">
        <v>429</v>
      </c>
      <c r="B431" s="11" t="s">
        <v>203</v>
      </c>
      <c r="C431" s="12" t="s">
        <v>116</v>
      </c>
    </row>
    <row r="432" spans="1:3" ht="36">
      <c r="A432" s="13">
        <v>430</v>
      </c>
      <c r="B432" s="11" t="s">
        <v>204</v>
      </c>
      <c r="C432" s="12" t="s">
        <v>116</v>
      </c>
    </row>
    <row r="433" spans="1:3" ht="36">
      <c r="A433" s="10">
        <v>431</v>
      </c>
      <c r="B433" s="11" t="s">
        <v>204</v>
      </c>
      <c r="C433" s="12" t="s">
        <v>116</v>
      </c>
    </row>
    <row r="434" spans="1:3" ht="36">
      <c r="A434" s="13">
        <v>432</v>
      </c>
      <c r="B434" s="11" t="s">
        <v>205</v>
      </c>
      <c r="C434" s="12" t="s">
        <v>116</v>
      </c>
    </row>
    <row r="435" spans="1:3" ht="36">
      <c r="A435" s="13">
        <v>433</v>
      </c>
      <c r="B435" s="11" t="s">
        <v>206</v>
      </c>
      <c r="C435" s="12" t="s">
        <v>116</v>
      </c>
    </row>
    <row r="436" spans="1:3" ht="36">
      <c r="A436" s="13">
        <v>434</v>
      </c>
      <c r="B436" s="11" t="s">
        <v>207</v>
      </c>
      <c r="C436" s="12" t="s">
        <v>116</v>
      </c>
    </row>
    <row r="437" spans="1:3" ht="36">
      <c r="A437" s="10">
        <v>435</v>
      </c>
      <c r="B437" s="11" t="s">
        <v>208</v>
      </c>
      <c r="C437" s="12" t="s">
        <v>116</v>
      </c>
    </row>
    <row r="438" spans="1:3" ht="36">
      <c r="A438" s="13">
        <v>436</v>
      </c>
      <c r="B438" s="11" t="s">
        <v>208</v>
      </c>
      <c r="C438" s="12" t="s">
        <v>116</v>
      </c>
    </row>
    <row r="439" spans="1:3" ht="36">
      <c r="A439" s="13">
        <v>437</v>
      </c>
      <c r="B439" s="11" t="s">
        <v>208</v>
      </c>
      <c r="C439" s="12" t="s">
        <v>116</v>
      </c>
    </row>
    <row r="440" spans="1:3" ht="36">
      <c r="A440" s="13">
        <v>438</v>
      </c>
      <c r="B440" s="11" t="s">
        <v>209</v>
      </c>
      <c r="C440" s="12" t="s">
        <v>116</v>
      </c>
    </row>
    <row r="441" spans="1:3" ht="36">
      <c r="A441" s="10">
        <v>439</v>
      </c>
      <c r="B441" s="11" t="s">
        <v>210</v>
      </c>
      <c r="C441" s="12" t="s">
        <v>116</v>
      </c>
    </row>
    <row r="442" spans="1:3" ht="36">
      <c r="A442" s="13">
        <v>440</v>
      </c>
      <c r="B442" s="11" t="s">
        <v>211</v>
      </c>
      <c r="C442" s="12" t="s">
        <v>116</v>
      </c>
    </row>
    <row r="443" spans="1:3" ht="36">
      <c r="A443" s="13">
        <v>441</v>
      </c>
      <c r="B443" s="11" t="s">
        <v>212</v>
      </c>
      <c r="C443" s="12" t="s">
        <v>116</v>
      </c>
    </row>
    <row r="444" spans="1:3" ht="36">
      <c r="A444" s="13">
        <v>442</v>
      </c>
      <c r="B444" s="11" t="s">
        <v>213</v>
      </c>
      <c r="C444" s="12" t="s">
        <v>116</v>
      </c>
    </row>
    <row r="445" spans="1:3" ht="36">
      <c r="A445" s="10">
        <v>443</v>
      </c>
      <c r="B445" s="11" t="s">
        <v>214</v>
      </c>
      <c r="C445" s="12" t="s">
        <v>116</v>
      </c>
    </row>
    <row r="446" spans="1:3" ht="36">
      <c r="A446" s="13">
        <v>444</v>
      </c>
      <c r="B446" s="11" t="s">
        <v>215</v>
      </c>
      <c r="C446" s="12" t="s">
        <v>116</v>
      </c>
    </row>
    <row r="447" spans="1:3" ht="36">
      <c r="A447" s="13">
        <v>445</v>
      </c>
      <c r="B447" s="23" t="s">
        <v>216</v>
      </c>
      <c r="C447" s="12" t="s">
        <v>116</v>
      </c>
    </row>
    <row r="448" spans="1:3" ht="36">
      <c r="A448" s="13">
        <v>446</v>
      </c>
      <c r="B448" s="11" t="s">
        <v>216</v>
      </c>
      <c r="C448" s="12" t="s">
        <v>116</v>
      </c>
    </row>
    <row r="449" spans="1:3" ht="36">
      <c r="A449" s="10">
        <v>447</v>
      </c>
      <c r="B449" s="23" t="s">
        <v>217</v>
      </c>
      <c r="C449" s="12" t="s">
        <v>116</v>
      </c>
    </row>
    <row r="450" spans="1:3" ht="36">
      <c r="A450" s="13">
        <v>448</v>
      </c>
      <c r="B450" s="23" t="s">
        <v>217</v>
      </c>
      <c r="C450" s="12" t="s">
        <v>116</v>
      </c>
    </row>
    <row r="451" spans="1:3" ht="36">
      <c r="A451" s="13">
        <v>449</v>
      </c>
      <c r="B451" s="23" t="s">
        <v>218</v>
      </c>
      <c r="C451" s="12" t="s">
        <v>116</v>
      </c>
    </row>
    <row r="452" spans="1:3" ht="36">
      <c r="A452" s="13">
        <v>450</v>
      </c>
      <c r="B452" s="23" t="s">
        <v>219</v>
      </c>
      <c r="C452" s="12" t="s">
        <v>116</v>
      </c>
    </row>
    <row r="453" spans="1:3" ht="36">
      <c r="A453" s="10">
        <v>451</v>
      </c>
      <c r="B453" s="23" t="s">
        <v>220</v>
      </c>
      <c r="C453" s="12" t="s">
        <v>116</v>
      </c>
    </row>
    <row r="454" spans="1:3" ht="36">
      <c r="A454" s="13">
        <v>452</v>
      </c>
      <c r="B454" s="23" t="s">
        <v>221</v>
      </c>
      <c r="C454" s="12" t="s">
        <v>116</v>
      </c>
    </row>
    <row r="455" spans="1:3" ht="36">
      <c r="A455" s="13">
        <v>453</v>
      </c>
      <c r="B455" s="23" t="s">
        <v>222</v>
      </c>
      <c r="C455" s="12" t="s">
        <v>116</v>
      </c>
    </row>
    <row r="456" spans="1:3" ht="36">
      <c r="A456" s="13">
        <v>454</v>
      </c>
      <c r="B456" s="23" t="s">
        <v>222</v>
      </c>
      <c r="C456" s="12" t="s">
        <v>116</v>
      </c>
    </row>
    <row r="457" spans="1:3" ht="36">
      <c r="A457" s="10">
        <v>455</v>
      </c>
      <c r="B457" s="11" t="s">
        <v>223</v>
      </c>
      <c r="C457" s="12" t="s">
        <v>116</v>
      </c>
    </row>
    <row r="458" spans="1:3" ht="36">
      <c r="A458" s="13">
        <v>456</v>
      </c>
      <c r="B458" s="11" t="s">
        <v>224</v>
      </c>
      <c r="C458" s="12" t="s">
        <v>116</v>
      </c>
    </row>
    <row r="459" spans="1:3" ht="36">
      <c r="A459" s="13">
        <v>457</v>
      </c>
      <c r="B459" s="11" t="s">
        <v>224</v>
      </c>
      <c r="C459" s="12" t="s">
        <v>116</v>
      </c>
    </row>
    <row r="460" spans="1:3" ht="36">
      <c r="A460" s="13">
        <v>458</v>
      </c>
      <c r="B460" s="11" t="s">
        <v>224</v>
      </c>
      <c r="C460" s="12" t="s">
        <v>116</v>
      </c>
    </row>
    <row r="461" spans="1:3" ht="36">
      <c r="A461" s="10">
        <v>459</v>
      </c>
      <c r="B461" s="11" t="s">
        <v>225</v>
      </c>
      <c r="C461" s="12" t="s">
        <v>116</v>
      </c>
    </row>
    <row r="462" spans="1:3" ht="36">
      <c r="A462" s="13">
        <v>460</v>
      </c>
      <c r="B462" s="11" t="s">
        <v>225</v>
      </c>
      <c r="C462" s="12" t="s">
        <v>116</v>
      </c>
    </row>
    <row r="463" spans="1:3" ht="36">
      <c r="A463" s="13">
        <v>461</v>
      </c>
      <c r="B463" s="11" t="s">
        <v>225</v>
      </c>
      <c r="C463" s="12" t="s">
        <v>116</v>
      </c>
    </row>
    <row r="464" spans="1:3" ht="36">
      <c r="A464" s="13">
        <v>462</v>
      </c>
      <c r="B464" s="24" t="s">
        <v>225</v>
      </c>
      <c r="C464" s="12" t="s">
        <v>116</v>
      </c>
    </row>
    <row r="465" spans="1:3" ht="36">
      <c r="A465" s="10">
        <v>463</v>
      </c>
      <c r="B465" s="10" t="s">
        <v>226</v>
      </c>
      <c r="C465" s="12" t="s">
        <v>116</v>
      </c>
    </row>
    <row r="466" spans="1:3" ht="36">
      <c r="A466" s="13">
        <v>464</v>
      </c>
      <c r="B466" s="10" t="s">
        <v>227</v>
      </c>
      <c r="C466" s="12" t="s">
        <v>116</v>
      </c>
    </row>
    <row r="467" spans="1:3" ht="36">
      <c r="A467" s="13">
        <v>465</v>
      </c>
      <c r="B467" s="10" t="s">
        <v>227</v>
      </c>
      <c r="C467" s="12" t="s">
        <v>116</v>
      </c>
    </row>
    <row r="468" spans="1:3" ht="36">
      <c r="A468" s="13">
        <v>466</v>
      </c>
      <c r="B468" s="10" t="s">
        <v>228</v>
      </c>
      <c r="C468" s="12" t="s">
        <v>116</v>
      </c>
    </row>
    <row r="469" spans="1:3" ht="36">
      <c r="A469" s="10">
        <v>467</v>
      </c>
      <c r="B469" s="25" t="s">
        <v>229</v>
      </c>
      <c r="C469" s="12" t="s">
        <v>116</v>
      </c>
    </row>
    <row r="470" spans="1:3" ht="36">
      <c r="A470" s="13">
        <v>468</v>
      </c>
      <c r="B470" s="26" t="s">
        <v>230</v>
      </c>
      <c r="C470" s="12" t="s">
        <v>116</v>
      </c>
    </row>
    <row r="471" spans="1:3" ht="36">
      <c r="A471" s="13">
        <v>469</v>
      </c>
      <c r="B471" s="26" t="s">
        <v>230</v>
      </c>
      <c r="C471" s="12" t="s">
        <v>116</v>
      </c>
    </row>
    <row r="472" spans="1:3" ht="36">
      <c r="A472" s="13">
        <v>470</v>
      </c>
      <c r="B472" s="26" t="s">
        <v>231</v>
      </c>
      <c r="C472" s="12" t="s">
        <v>116</v>
      </c>
    </row>
    <row r="473" spans="1:3" ht="36">
      <c r="A473" s="10">
        <v>471</v>
      </c>
      <c r="B473" s="10" t="s">
        <v>232</v>
      </c>
      <c r="C473" s="12" t="s">
        <v>116</v>
      </c>
    </row>
    <row r="474" spans="1:3" ht="36">
      <c r="A474" s="13">
        <v>472</v>
      </c>
      <c r="B474" s="15" t="s">
        <v>232</v>
      </c>
      <c r="C474" s="12" t="s">
        <v>116</v>
      </c>
    </row>
    <row r="475" spans="1:3" ht="36">
      <c r="A475" s="13">
        <v>473</v>
      </c>
      <c r="B475" s="10" t="s">
        <v>233</v>
      </c>
      <c r="C475" s="12" t="s">
        <v>116</v>
      </c>
    </row>
    <row r="476" spans="1:3" ht="36">
      <c r="A476" s="13">
        <v>474</v>
      </c>
      <c r="B476" s="10" t="s">
        <v>233</v>
      </c>
      <c r="C476" s="12" t="s">
        <v>116</v>
      </c>
    </row>
    <row r="477" spans="1:3" ht="36">
      <c r="A477" s="10">
        <v>475</v>
      </c>
      <c r="B477" s="10" t="s">
        <v>233</v>
      </c>
      <c r="C477" s="12" t="s">
        <v>116</v>
      </c>
    </row>
    <row r="478" spans="1:3" ht="36">
      <c r="A478" s="13">
        <v>476</v>
      </c>
      <c r="B478" s="15" t="s">
        <v>234</v>
      </c>
      <c r="C478" s="12" t="s">
        <v>116</v>
      </c>
    </row>
    <row r="479" spans="1:3" ht="47.25">
      <c r="A479" s="13">
        <v>477</v>
      </c>
      <c r="B479" s="10" t="s">
        <v>235</v>
      </c>
      <c r="C479" s="12" t="s">
        <v>116</v>
      </c>
    </row>
    <row r="480" spans="1:3" ht="47.25">
      <c r="A480" s="13">
        <v>478</v>
      </c>
      <c r="B480" s="10" t="s">
        <v>235</v>
      </c>
      <c r="C480" s="12" t="s">
        <v>116</v>
      </c>
    </row>
    <row r="481" spans="1:3" ht="47.25">
      <c r="A481" s="10">
        <v>479</v>
      </c>
      <c r="B481" s="10" t="s">
        <v>235</v>
      </c>
      <c r="C481" s="12" t="s">
        <v>116</v>
      </c>
    </row>
    <row r="482" spans="1:3" ht="36">
      <c r="A482" s="13">
        <v>480</v>
      </c>
      <c r="B482" s="19" t="s">
        <v>236</v>
      </c>
      <c r="C482" s="12" t="s">
        <v>116</v>
      </c>
    </row>
    <row r="483" spans="1:3" ht="36">
      <c r="A483" s="13">
        <v>481</v>
      </c>
      <c r="B483" s="11" t="s">
        <v>237</v>
      </c>
      <c r="C483" s="12" t="s">
        <v>116</v>
      </c>
    </row>
    <row r="484" spans="1:3" ht="36">
      <c r="A484" s="13">
        <v>482</v>
      </c>
      <c r="B484" s="11" t="s">
        <v>238</v>
      </c>
      <c r="C484" s="12" t="s">
        <v>116</v>
      </c>
    </row>
    <row r="485" spans="1:3" ht="36">
      <c r="A485" s="10">
        <v>483</v>
      </c>
      <c r="B485" s="11" t="s">
        <v>239</v>
      </c>
      <c r="C485" s="12" t="s">
        <v>116</v>
      </c>
    </row>
    <row r="486" spans="1:3" ht="89.25">
      <c r="A486" s="13">
        <v>484</v>
      </c>
      <c r="B486" s="28" t="s">
        <v>4369</v>
      </c>
      <c r="C486" s="12" t="s">
        <v>116</v>
      </c>
    </row>
    <row r="487" spans="1:3" ht="89.25">
      <c r="A487" s="13">
        <v>485</v>
      </c>
      <c r="B487" s="29" t="s">
        <v>4370</v>
      </c>
      <c r="C487" s="12" t="s">
        <v>116</v>
      </c>
    </row>
    <row r="488" spans="1:3" ht="36">
      <c r="A488" s="13">
        <v>486</v>
      </c>
      <c r="B488" s="11" t="s">
        <v>240</v>
      </c>
      <c r="C488" s="12" t="s">
        <v>116</v>
      </c>
    </row>
    <row r="489" spans="1:3" ht="36">
      <c r="A489" s="10">
        <v>487</v>
      </c>
      <c r="B489" s="11" t="s">
        <v>241</v>
      </c>
      <c r="C489" s="12" t="s">
        <v>116</v>
      </c>
    </row>
    <row r="490" spans="1:3" ht="36">
      <c r="A490" s="13">
        <v>488</v>
      </c>
      <c r="B490" s="11" t="s">
        <v>242</v>
      </c>
      <c r="C490" s="12" t="s">
        <v>116</v>
      </c>
    </row>
    <row r="491" spans="1:3" ht="36">
      <c r="A491" s="13">
        <v>489</v>
      </c>
      <c r="B491" s="11" t="s">
        <v>242</v>
      </c>
      <c r="C491" s="12" t="s">
        <v>116</v>
      </c>
    </row>
    <row r="492" spans="1:3" ht="36">
      <c r="A492" s="13">
        <v>490</v>
      </c>
      <c r="B492" s="11" t="s">
        <v>243</v>
      </c>
      <c r="C492" s="12" t="s">
        <v>116</v>
      </c>
    </row>
    <row r="493" spans="1:3" ht="36">
      <c r="A493" s="10">
        <v>491</v>
      </c>
      <c r="B493" s="11" t="s">
        <v>244</v>
      </c>
      <c r="C493" s="12" t="s">
        <v>116</v>
      </c>
    </row>
    <row r="494" spans="1:3" ht="36">
      <c r="A494" s="13">
        <v>492</v>
      </c>
      <c r="B494" s="11" t="s">
        <v>244</v>
      </c>
      <c r="C494" s="12" t="s">
        <v>116</v>
      </c>
    </row>
    <row r="495" spans="1:3" ht="36">
      <c r="A495" s="13">
        <v>493</v>
      </c>
      <c r="B495" s="11" t="s">
        <v>245</v>
      </c>
      <c r="C495" s="12" t="s">
        <v>116</v>
      </c>
    </row>
    <row r="496" spans="1:3" ht="36">
      <c r="A496" s="13">
        <v>494</v>
      </c>
      <c r="B496" s="11" t="s">
        <v>247</v>
      </c>
      <c r="C496" s="12" t="s">
        <v>116</v>
      </c>
    </row>
    <row r="497" spans="1:3" ht="36">
      <c r="A497" s="10">
        <v>495</v>
      </c>
      <c r="B497" s="11" t="s">
        <v>248</v>
      </c>
      <c r="C497" s="12" t="s">
        <v>116</v>
      </c>
    </row>
    <row r="498" spans="1:3" ht="36">
      <c r="A498" s="13">
        <v>496</v>
      </c>
      <c r="B498" s="11" t="s">
        <v>249</v>
      </c>
      <c r="C498" s="12" t="s">
        <v>116</v>
      </c>
    </row>
    <row r="499" spans="1:3" ht="36">
      <c r="A499" s="13">
        <v>497</v>
      </c>
      <c r="B499" s="11" t="s">
        <v>250</v>
      </c>
      <c r="C499" s="12" t="s">
        <v>116</v>
      </c>
    </row>
    <row r="500" spans="1:3" ht="36">
      <c r="A500" s="13">
        <v>498</v>
      </c>
      <c r="B500" s="11" t="s">
        <v>251</v>
      </c>
      <c r="C500" s="12" t="s">
        <v>116</v>
      </c>
    </row>
    <row r="501" spans="1:3" ht="36">
      <c r="A501" s="10">
        <v>499</v>
      </c>
      <c r="B501" s="11" t="s">
        <v>252</v>
      </c>
      <c r="C501" s="12" t="s">
        <v>116</v>
      </c>
    </row>
    <row r="502" spans="1:3" ht="36">
      <c r="A502" s="13">
        <v>500</v>
      </c>
      <c r="B502" s="11" t="s">
        <v>253</v>
      </c>
      <c r="C502" s="12" t="s">
        <v>116</v>
      </c>
    </row>
    <row r="503" spans="1:3" ht="36">
      <c r="A503" s="13">
        <v>501</v>
      </c>
      <c r="B503" s="11" t="s">
        <v>253</v>
      </c>
      <c r="C503" s="12" t="s">
        <v>116</v>
      </c>
    </row>
    <row r="504" spans="1:3" ht="36">
      <c r="A504" s="13">
        <v>502</v>
      </c>
      <c r="B504" s="11" t="s">
        <v>254</v>
      </c>
      <c r="C504" s="12" t="s">
        <v>116</v>
      </c>
    </row>
    <row r="505" spans="1:3" ht="36">
      <c r="A505" s="10">
        <v>503</v>
      </c>
      <c r="B505" s="11" t="s">
        <v>255</v>
      </c>
      <c r="C505" s="12" t="s">
        <v>116</v>
      </c>
    </row>
    <row r="506" spans="1:3" ht="36">
      <c r="A506" s="13">
        <v>504</v>
      </c>
      <c r="B506" s="11" t="s">
        <v>256</v>
      </c>
      <c r="C506" s="12" t="s">
        <v>116</v>
      </c>
    </row>
    <row r="507" spans="1:3" ht="36">
      <c r="A507" s="13">
        <v>505</v>
      </c>
      <c r="B507" s="11" t="s">
        <v>257</v>
      </c>
      <c r="C507" s="12" t="s">
        <v>116</v>
      </c>
    </row>
    <row r="508" spans="1:3" ht="36">
      <c r="A508" s="13">
        <v>506</v>
      </c>
      <c r="B508" s="11" t="s">
        <v>258</v>
      </c>
      <c r="C508" s="12" t="s">
        <v>116</v>
      </c>
    </row>
    <row r="509" spans="1:3" ht="36">
      <c r="A509" s="10">
        <v>507</v>
      </c>
      <c r="B509" s="11" t="s">
        <v>259</v>
      </c>
      <c r="C509" s="12" t="s">
        <v>116</v>
      </c>
    </row>
    <row r="510" spans="1:3" ht="36">
      <c r="A510" s="13">
        <v>508</v>
      </c>
      <c r="B510" s="11" t="s">
        <v>260</v>
      </c>
      <c r="C510" s="12" t="s">
        <v>116</v>
      </c>
    </row>
    <row r="511" spans="1:3" ht="36">
      <c r="A511" s="13">
        <v>509</v>
      </c>
      <c r="B511" s="11" t="s">
        <v>261</v>
      </c>
      <c r="C511" s="12" t="s">
        <v>116</v>
      </c>
    </row>
    <row r="512" spans="1:3" ht="36">
      <c r="A512" s="13">
        <v>510</v>
      </c>
      <c r="B512" s="11" t="s">
        <v>261</v>
      </c>
      <c r="C512" s="12" t="s">
        <v>116</v>
      </c>
    </row>
    <row r="513" spans="1:3" ht="36">
      <c r="A513" s="10">
        <v>511</v>
      </c>
      <c r="B513" s="11" t="s">
        <v>261</v>
      </c>
      <c r="C513" s="12" t="s">
        <v>116</v>
      </c>
    </row>
    <row r="514" spans="1:3" ht="36">
      <c r="A514" s="13">
        <v>512</v>
      </c>
      <c r="B514" s="11" t="s">
        <v>261</v>
      </c>
      <c r="C514" s="12" t="s">
        <v>116</v>
      </c>
    </row>
    <row r="515" spans="1:3" ht="36">
      <c r="A515" s="13">
        <v>513</v>
      </c>
      <c r="B515" s="11" t="s">
        <v>261</v>
      </c>
      <c r="C515" s="12" t="s">
        <v>116</v>
      </c>
    </row>
    <row r="516" spans="1:3" ht="36">
      <c r="A516" s="13">
        <v>514</v>
      </c>
      <c r="B516" s="11" t="s">
        <v>261</v>
      </c>
      <c r="C516" s="12" t="s">
        <v>116</v>
      </c>
    </row>
    <row r="517" spans="1:3" ht="36">
      <c r="A517" s="10">
        <v>515</v>
      </c>
      <c r="B517" s="11" t="s">
        <v>261</v>
      </c>
      <c r="C517" s="12" t="s">
        <v>116</v>
      </c>
    </row>
    <row r="518" spans="1:3" ht="36">
      <c r="A518" s="13">
        <v>516</v>
      </c>
      <c r="B518" s="11" t="s">
        <v>261</v>
      </c>
      <c r="C518" s="12" t="s">
        <v>116</v>
      </c>
    </row>
    <row r="519" spans="1:3" ht="36">
      <c r="A519" s="13">
        <v>517</v>
      </c>
      <c r="B519" s="11" t="s">
        <v>261</v>
      </c>
      <c r="C519" s="12" t="s">
        <v>116</v>
      </c>
    </row>
    <row r="520" spans="1:3" ht="36">
      <c r="A520" s="13">
        <v>518</v>
      </c>
      <c r="B520" s="11" t="s">
        <v>261</v>
      </c>
      <c r="C520" s="12" t="s">
        <v>116</v>
      </c>
    </row>
    <row r="521" spans="1:3" ht="36">
      <c r="A521" s="10">
        <v>519</v>
      </c>
      <c r="B521" s="11" t="s">
        <v>262</v>
      </c>
      <c r="C521" s="12" t="s">
        <v>116</v>
      </c>
    </row>
    <row r="522" spans="1:3" ht="36">
      <c r="A522" s="13">
        <v>520</v>
      </c>
      <c r="B522" s="11" t="s">
        <v>262</v>
      </c>
      <c r="C522" s="12" t="s">
        <v>116</v>
      </c>
    </row>
    <row r="523" spans="1:3" ht="36">
      <c r="A523" s="13">
        <v>521</v>
      </c>
      <c r="B523" s="11" t="s">
        <v>262</v>
      </c>
      <c r="C523" s="12" t="s">
        <v>116</v>
      </c>
    </row>
    <row r="524" spans="1:3" ht="36">
      <c r="A524" s="13">
        <v>522</v>
      </c>
      <c r="B524" s="11" t="s">
        <v>262</v>
      </c>
      <c r="C524" s="12" t="s">
        <v>116</v>
      </c>
    </row>
    <row r="525" spans="1:3" ht="36">
      <c r="A525" s="10">
        <v>523</v>
      </c>
      <c r="B525" s="11" t="s">
        <v>262</v>
      </c>
      <c r="C525" s="12" t="s">
        <v>116</v>
      </c>
    </row>
    <row r="526" spans="1:3" ht="36">
      <c r="A526" s="13">
        <v>524</v>
      </c>
      <c r="B526" s="11" t="s">
        <v>262</v>
      </c>
      <c r="C526" s="12" t="s">
        <v>116</v>
      </c>
    </row>
    <row r="527" spans="1:3" ht="36">
      <c r="A527" s="13">
        <v>525</v>
      </c>
      <c r="B527" s="11" t="s">
        <v>262</v>
      </c>
      <c r="C527" s="12" t="s">
        <v>116</v>
      </c>
    </row>
    <row r="528" spans="1:3" ht="36">
      <c r="A528" s="13">
        <v>526</v>
      </c>
      <c r="B528" s="11" t="s">
        <v>262</v>
      </c>
      <c r="C528" s="12" t="s">
        <v>116</v>
      </c>
    </row>
    <row r="529" spans="1:3" ht="36">
      <c r="A529" s="10">
        <v>527</v>
      </c>
      <c r="B529" s="11" t="s">
        <v>262</v>
      </c>
      <c r="C529" s="12" t="s">
        <v>116</v>
      </c>
    </row>
    <row r="530" spans="1:3" ht="36">
      <c r="A530" s="13">
        <v>528</v>
      </c>
      <c r="B530" s="11" t="s">
        <v>262</v>
      </c>
      <c r="C530" s="12" t="s">
        <v>116</v>
      </c>
    </row>
    <row r="531" spans="1:3" ht="36">
      <c r="A531" s="13">
        <v>529</v>
      </c>
      <c r="B531" s="11" t="s">
        <v>262</v>
      </c>
      <c r="C531" s="12" t="s">
        <v>116</v>
      </c>
    </row>
    <row r="532" spans="1:3" ht="36">
      <c r="A532" s="13">
        <v>530</v>
      </c>
      <c r="B532" s="11" t="s">
        <v>263</v>
      </c>
      <c r="C532" s="12" t="s">
        <v>116</v>
      </c>
    </row>
    <row r="533" spans="1:3" ht="36">
      <c r="A533" s="10">
        <v>531</v>
      </c>
      <c r="B533" s="11" t="s">
        <v>263</v>
      </c>
      <c r="C533" s="12" t="s">
        <v>116</v>
      </c>
    </row>
    <row r="534" spans="1:3" ht="36">
      <c r="A534" s="13">
        <v>532</v>
      </c>
      <c r="B534" s="11" t="s">
        <v>263</v>
      </c>
      <c r="C534" s="12" t="s">
        <v>116</v>
      </c>
    </row>
    <row r="535" spans="1:3" ht="36">
      <c r="A535" s="13">
        <v>533</v>
      </c>
      <c r="B535" s="11" t="s">
        <v>264</v>
      </c>
      <c r="C535" s="12" t="s">
        <v>116</v>
      </c>
    </row>
    <row r="536" spans="1:3" ht="36">
      <c r="A536" s="13">
        <v>534</v>
      </c>
      <c r="B536" s="11" t="s">
        <v>265</v>
      </c>
      <c r="C536" s="12" t="s">
        <v>116</v>
      </c>
    </row>
    <row r="537" spans="1:3" ht="36">
      <c r="A537" s="10">
        <v>535</v>
      </c>
      <c r="B537" s="11" t="s">
        <v>266</v>
      </c>
      <c r="C537" s="12" t="s">
        <v>116</v>
      </c>
    </row>
    <row r="538" spans="1:3" ht="36">
      <c r="A538" s="13">
        <v>536</v>
      </c>
      <c r="B538" s="11" t="s">
        <v>267</v>
      </c>
      <c r="C538" s="12" t="s">
        <v>116</v>
      </c>
    </row>
    <row r="539" spans="1:3" ht="36">
      <c r="A539" s="13">
        <v>537</v>
      </c>
      <c r="B539" s="11" t="s">
        <v>268</v>
      </c>
      <c r="C539" s="12" t="s">
        <v>116</v>
      </c>
    </row>
    <row r="540" spans="1:3" ht="36">
      <c r="A540" s="13">
        <v>538</v>
      </c>
      <c r="B540" s="11" t="s">
        <v>269</v>
      </c>
      <c r="C540" s="12" t="s">
        <v>116</v>
      </c>
    </row>
    <row r="541" spans="1:3" ht="36">
      <c r="A541" s="10">
        <v>539</v>
      </c>
      <c r="B541" s="11" t="s">
        <v>112</v>
      </c>
      <c r="C541" s="12" t="s">
        <v>116</v>
      </c>
    </row>
    <row r="542" spans="1:3" ht="36">
      <c r="A542" s="13">
        <v>540</v>
      </c>
      <c r="B542" s="11" t="s">
        <v>112</v>
      </c>
      <c r="C542" s="12" t="s">
        <v>116</v>
      </c>
    </row>
    <row r="543" spans="1:3" ht="36">
      <c r="A543" s="13">
        <v>541</v>
      </c>
      <c r="B543" s="11" t="s">
        <v>270</v>
      </c>
      <c r="C543" s="12" t="s">
        <v>116</v>
      </c>
    </row>
    <row r="544" spans="1:3" ht="36">
      <c r="A544" s="13">
        <v>542</v>
      </c>
      <c r="B544" s="11" t="s">
        <v>270</v>
      </c>
      <c r="C544" s="12" t="s">
        <v>116</v>
      </c>
    </row>
    <row r="545" spans="1:3" ht="36">
      <c r="A545" s="10">
        <v>543</v>
      </c>
      <c r="B545" s="11" t="s">
        <v>271</v>
      </c>
      <c r="C545" s="12" t="s">
        <v>116</v>
      </c>
    </row>
    <row r="546" spans="1:3" ht="36">
      <c r="A546" s="13">
        <v>544</v>
      </c>
      <c r="B546" s="11" t="s">
        <v>272</v>
      </c>
      <c r="C546" s="12" t="s">
        <v>116</v>
      </c>
    </row>
    <row r="547" spans="1:3" ht="36">
      <c r="A547" s="13">
        <v>545</v>
      </c>
      <c r="B547" s="11" t="s">
        <v>273</v>
      </c>
      <c r="C547" s="12" t="s">
        <v>116</v>
      </c>
    </row>
    <row r="548" spans="1:3" ht="36">
      <c r="A548" s="13">
        <v>546</v>
      </c>
      <c r="B548" s="11" t="s">
        <v>274</v>
      </c>
      <c r="C548" s="12" t="s">
        <v>116</v>
      </c>
    </row>
    <row r="549" spans="1:3" ht="36">
      <c r="A549" s="10">
        <v>547</v>
      </c>
      <c r="B549" s="11" t="s">
        <v>275</v>
      </c>
      <c r="C549" s="12" t="s">
        <v>116</v>
      </c>
    </row>
    <row r="550" spans="1:3" ht="36">
      <c r="A550" s="13">
        <v>548</v>
      </c>
      <c r="B550" s="11" t="s">
        <v>276</v>
      </c>
      <c r="C550" s="12" t="s">
        <v>116</v>
      </c>
    </row>
    <row r="551" spans="1:3" ht="36">
      <c r="A551" s="13">
        <v>549</v>
      </c>
      <c r="B551" s="11" t="s">
        <v>277</v>
      </c>
      <c r="C551" s="12" t="s">
        <v>116</v>
      </c>
    </row>
    <row r="552" spans="1:3" ht="36">
      <c r="A552" s="13">
        <v>550</v>
      </c>
      <c r="B552" s="11" t="s">
        <v>278</v>
      </c>
      <c r="C552" s="12" t="s">
        <v>116</v>
      </c>
    </row>
    <row r="553" spans="1:3" ht="36">
      <c r="A553" s="10">
        <v>551</v>
      </c>
      <c r="B553" s="11" t="s">
        <v>278</v>
      </c>
      <c r="C553" s="12" t="s">
        <v>116</v>
      </c>
    </row>
    <row r="554" spans="1:3" ht="36">
      <c r="A554" s="13">
        <v>552</v>
      </c>
      <c r="B554" s="11" t="s">
        <v>279</v>
      </c>
      <c r="C554" s="12" t="s">
        <v>116</v>
      </c>
    </row>
    <row r="555" spans="1:3" ht="36">
      <c r="A555" s="13">
        <v>553</v>
      </c>
      <c r="B555" s="11" t="s">
        <v>280</v>
      </c>
      <c r="C555" s="12" t="s">
        <v>116</v>
      </c>
    </row>
    <row r="556" spans="1:3" ht="36">
      <c r="A556" s="13">
        <v>554</v>
      </c>
      <c r="B556" s="11" t="s">
        <v>65</v>
      </c>
      <c r="C556" s="12" t="s">
        <v>116</v>
      </c>
    </row>
    <row r="557" spans="1:3" ht="36">
      <c r="A557" s="10">
        <v>555</v>
      </c>
      <c r="B557" s="11" t="s">
        <v>65</v>
      </c>
      <c r="C557" s="12" t="s">
        <v>116</v>
      </c>
    </row>
    <row r="558" spans="1:3" ht="36">
      <c r="A558" s="13">
        <v>556</v>
      </c>
      <c r="B558" s="11" t="s">
        <v>281</v>
      </c>
      <c r="C558" s="12" t="s">
        <v>116</v>
      </c>
    </row>
    <row r="559" spans="1:3" ht="36">
      <c r="A559" s="13">
        <v>557</v>
      </c>
      <c r="B559" s="11" t="s">
        <v>282</v>
      </c>
      <c r="C559" s="12" t="s">
        <v>116</v>
      </c>
    </row>
    <row r="560" spans="1:3" ht="36">
      <c r="A560" s="13">
        <v>558</v>
      </c>
      <c r="B560" s="11" t="s">
        <v>283</v>
      </c>
      <c r="C560" s="12" t="s">
        <v>116</v>
      </c>
    </row>
    <row r="561" spans="1:3" ht="36">
      <c r="A561" s="10">
        <v>559</v>
      </c>
      <c r="B561" s="11" t="s">
        <v>284</v>
      </c>
      <c r="C561" s="12" t="s">
        <v>116</v>
      </c>
    </row>
    <row r="562" spans="1:3" ht="36">
      <c r="A562" s="13">
        <v>560</v>
      </c>
      <c r="B562" s="11" t="s">
        <v>285</v>
      </c>
      <c r="C562" s="12" t="s">
        <v>116</v>
      </c>
    </row>
    <row r="563" spans="1:3" ht="36">
      <c r="A563" s="13">
        <v>561</v>
      </c>
      <c r="B563" s="11" t="s">
        <v>286</v>
      </c>
      <c r="C563" s="12" t="s">
        <v>116</v>
      </c>
    </row>
    <row r="564" spans="1:3" ht="36">
      <c r="A564" s="13">
        <v>562</v>
      </c>
      <c r="B564" s="11" t="s">
        <v>287</v>
      </c>
      <c r="C564" s="12" t="s">
        <v>116</v>
      </c>
    </row>
    <row r="565" spans="1:3" ht="36">
      <c r="A565" s="10">
        <v>563</v>
      </c>
      <c r="B565" s="11" t="s">
        <v>288</v>
      </c>
      <c r="C565" s="12" t="s">
        <v>116</v>
      </c>
    </row>
    <row r="566" spans="1:3" ht="36">
      <c r="A566" s="13">
        <v>564</v>
      </c>
      <c r="B566" s="11" t="s">
        <v>289</v>
      </c>
      <c r="C566" s="12" t="s">
        <v>116</v>
      </c>
    </row>
    <row r="567" spans="1:3" ht="36">
      <c r="A567" s="13">
        <v>565</v>
      </c>
      <c r="B567" s="11" t="s">
        <v>290</v>
      </c>
      <c r="C567" s="12" t="s">
        <v>116</v>
      </c>
    </row>
    <row r="568" spans="1:3" ht="36">
      <c r="A568" s="13">
        <v>566</v>
      </c>
      <c r="B568" s="11" t="s">
        <v>291</v>
      </c>
      <c r="C568" s="12" t="s">
        <v>116</v>
      </c>
    </row>
    <row r="569" spans="1:3" ht="36">
      <c r="A569" s="10">
        <v>567</v>
      </c>
      <c r="B569" s="11" t="s">
        <v>292</v>
      </c>
      <c r="C569" s="12" t="s">
        <v>116</v>
      </c>
    </row>
    <row r="570" spans="1:3" ht="36">
      <c r="A570" s="13">
        <v>568</v>
      </c>
      <c r="B570" s="11" t="s">
        <v>293</v>
      </c>
      <c r="C570" s="12" t="s">
        <v>116</v>
      </c>
    </row>
    <row r="571" spans="1:3" ht="36">
      <c r="A571" s="13">
        <v>569</v>
      </c>
      <c r="B571" s="11" t="s">
        <v>294</v>
      </c>
      <c r="C571" s="12" t="s">
        <v>116</v>
      </c>
    </row>
    <row r="572" spans="1:3" ht="36">
      <c r="A572" s="13">
        <v>570</v>
      </c>
      <c r="B572" s="11" t="s">
        <v>295</v>
      </c>
      <c r="C572" s="12" t="s">
        <v>116</v>
      </c>
    </row>
    <row r="573" spans="1:3" ht="36">
      <c r="A573" s="10">
        <v>571</v>
      </c>
      <c r="B573" s="11" t="s">
        <v>296</v>
      </c>
      <c r="C573" s="12" t="s">
        <v>116</v>
      </c>
    </row>
    <row r="574" spans="1:3" ht="36">
      <c r="A574" s="13">
        <v>572</v>
      </c>
      <c r="B574" s="11" t="s">
        <v>296</v>
      </c>
      <c r="C574" s="12" t="s">
        <v>116</v>
      </c>
    </row>
    <row r="575" spans="1:3" ht="36">
      <c r="A575" s="13">
        <v>573</v>
      </c>
      <c r="B575" s="11" t="s">
        <v>296</v>
      </c>
      <c r="C575" s="12" t="s">
        <v>116</v>
      </c>
    </row>
    <row r="576" spans="1:3" ht="36">
      <c r="A576" s="13">
        <v>574</v>
      </c>
      <c r="B576" s="11" t="s">
        <v>296</v>
      </c>
      <c r="C576" s="12" t="s">
        <v>116</v>
      </c>
    </row>
    <row r="577" spans="1:3" ht="36">
      <c r="A577" s="10">
        <v>575</v>
      </c>
      <c r="B577" s="11" t="s">
        <v>296</v>
      </c>
      <c r="C577" s="12" t="s">
        <v>116</v>
      </c>
    </row>
    <row r="578" spans="1:3" ht="36">
      <c r="A578" s="13">
        <v>576</v>
      </c>
      <c r="B578" s="11" t="s">
        <v>297</v>
      </c>
      <c r="C578" s="12" t="s">
        <v>116</v>
      </c>
    </row>
    <row r="579" spans="1:3" ht="36">
      <c r="A579" s="13">
        <v>577</v>
      </c>
      <c r="B579" s="11" t="s">
        <v>298</v>
      </c>
      <c r="C579" s="12" t="s">
        <v>116</v>
      </c>
    </row>
    <row r="580" spans="1:3" ht="36">
      <c r="A580" s="13">
        <v>578</v>
      </c>
      <c r="B580" s="11" t="s">
        <v>299</v>
      </c>
      <c r="C580" s="12" t="s">
        <v>116</v>
      </c>
    </row>
    <row r="581" spans="1:3" ht="36">
      <c r="A581" s="10">
        <v>579</v>
      </c>
      <c r="B581" s="11" t="s">
        <v>300</v>
      </c>
      <c r="C581" s="12" t="s">
        <v>116</v>
      </c>
    </row>
    <row r="582" spans="1:3" ht="36">
      <c r="A582" s="13">
        <v>580</v>
      </c>
      <c r="B582" s="11" t="s">
        <v>301</v>
      </c>
      <c r="C582" s="12" t="s">
        <v>116</v>
      </c>
    </row>
    <row r="583" spans="1:3" ht="36">
      <c r="A583" s="13">
        <v>581</v>
      </c>
      <c r="B583" s="11" t="s">
        <v>301</v>
      </c>
      <c r="C583" s="12" t="s">
        <v>116</v>
      </c>
    </row>
    <row r="584" spans="1:3" ht="36">
      <c r="A584" s="13">
        <v>582</v>
      </c>
      <c r="B584" s="11" t="s">
        <v>301</v>
      </c>
      <c r="C584" s="12" t="s">
        <v>116</v>
      </c>
    </row>
    <row r="585" spans="1:3" ht="36">
      <c r="A585" s="10">
        <v>583</v>
      </c>
      <c r="B585" s="11" t="s">
        <v>301</v>
      </c>
      <c r="C585" s="12" t="s">
        <v>116</v>
      </c>
    </row>
    <row r="586" spans="1:3" ht="36">
      <c r="A586" s="13">
        <v>584</v>
      </c>
      <c r="B586" s="11" t="s">
        <v>301</v>
      </c>
      <c r="C586" s="12" t="s">
        <v>116</v>
      </c>
    </row>
    <row r="587" spans="1:3" ht="36">
      <c r="A587" s="13">
        <v>585</v>
      </c>
      <c r="B587" s="11" t="s">
        <v>301</v>
      </c>
      <c r="C587" s="12" t="s">
        <v>116</v>
      </c>
    </row>
    <row r="588" spans="1:3" ht="36">
      <c r="A588" s="13">
        <v>586</v>
      </c>
      <c r="B588" s="11" t="s">
        <v>301</v>
      </c>
      <c r="C588" s="12" t="s">
        <v>116</v>
      </c>
    </row>
    <row r="589" spans="1:3" ht="36">
      <c r="A589" s="10">
        <v>587</v>
      </c>
      <c r="B589" s="11" t="s">
        <v>301</v>
      </c>
      <c r="C589" s="12" t="s">
        <v>116</v>
      </c>
    </row>
    <row r="590" spans="1:3" ht="36">
      <c r="A590" s="13">
        <v>588</v>
      </c>
      <c r="B590" s="11" t="s">
        <v>301</v>
      </c>
      <c r="C590" s="12" t="s">
        <v>116</v>
      </c>
    </row>
    <row r="591" spans="1:3" ht="36">
      <c r="A591" s="13">
        <v>589</v>
      </c>
      <c r="B591" s="11" t="s">
        <v>301</v>
      </c>
      <c r="C591" s="12" t="s">
        <v>116</v>
      </c>
    </row>
    <row r="592" spans="1:3" ht="36">
      <c r="A592" s="13">
        <v>590</v>
      </c>
      <c r="B592" s="11" t="s">
        <v>302</v>
      </c>
      <c r="C592" s="12" t="s">
        <v>116</v>
      </c>
    </row>
    <row r="593" spans="1:3" ht="36">
      <c r="A593" s="10">
        <v>591</v>
      </c>
      <c r="B593" s="11" t="s">
        <v>303</v>
      </c>
      <c r="C593" s="12" t="s">
        <v>116</v>
      </c>
    </row>
    <row r="594" spans="1:3" ht="36">
      <c r="A594" s="13">
        <v>592</v>
      </c>
      <c r="B594" s="11" t="s">
        <v>304</v>
      </c>
      <c r="C594" s="12" t="s">
        <v>116</v>
      </c>
    </row>
    <row r="595" spans="1:3" ht="36">
      <c r="A595" s="13">
        <v>593</v>
      </c>
      <c r="B595" s="11" t="s">
        <v>305</v>
      </c>
      <c r="C595" s="12" t="s">
        <v>116</v>
      </c>
    </row>
    <row r="596" spans="1:3" ht="36">
      <c r="A596" s="13">
        <v>594</v>
      </c>
      <c r="B596" s="11" t="s">
        <v>306</v>
      </c>
      <c r="C596" s="12" t="s">
        <v>116</v>
      </c>
    </row>
    <row r="597" spans="1:3" ht="36">
      <c r="A597" s="10">
        <v>595</v>
      </c>
      <c r="B597" s="11" t="s">
        <v>307</v>
      </c>
      <c r="C597" s="12" t="s">
        <v>116</v>
      </c>
    </row>
    <row r="598" spans="1:3" ht="36">
      <c r="A598" s="13">
        <v>596</v>
      </c>
      <c r="B598" s="11" t="s">
        <v>308</v>
      </c>
      <c r="C598" s="12" t="s">
        <v>116</v>
      </c>
    </row>
    <row r="599" spans="1:3" ht="36">
      <c r="A599" s="13">
        <v>597</v>
      </c>
      <c r="B599" s="11" t="s">
        <v>308</v>
      </c>
      <c r="C599" s="12" t="s">
        <v>116</v>
      </c>
    </row>
    <row r="600" spans="1:3" ht="36">
      <c r="A600" s="13">
        <v>598</v>
      </c>
      <c r="B600" s="11" t="s">
        <v>309</v>
      </c>
      <c r="C600" s="12" t="s">
        <v>116</v>
      </c>
    </row>
    <row r="601" spans="1:3" ht="36">
      <c r="A601" s="10">
        <v>599</v>
      </c>
      <c r="B601" s="11" t="s">
        <v>309</v>
      </c>
      <c r="C601" s="12" t="s">
        <v>116</v>
      </c>
    </row>
    <row r="602" spans="1:3" ht="36">
      <c r="A602" s="13">
        <v>600</v>
      </c>
      <c r="B602" s="11" t="s">
        <v>310</v>
      </c>
      <c r="C602" s="12" t="s">
        <v>116</v>
      </c>
    </row>
    <row r="603" spans="1:3" ht="36">
      <c r="A603" s="13">
        <v>601</v>
      </c>
      <c r="B603" s="11" t="s">
        <v>311</v>
      </c>
      <c r="C603" s="12" t="s">
        <v>116</v>
      </c>
    </row>
    <row r="604" spans="1:3" ht="36">
      <c r="A604" s="13">
        <v>602</v>
      </c>
      <c r="B604" s="11" t="s">
        <v>312</v>
      </c>
      <c r="C604" s="12" t="s">
        <v>116</v>
      </c>
    </row>
    <row r="605" spans="1:3" ht="36">
      <c r="A605" s="10">
        <v>603</v>
      </c>
      <c r="B605" s="11" t="s">
        <v>312</v>
      </c>
      <c r="C605" s="12" t="s">
        <v>116</v>
      </c>
    </row>
    <row r="606" spans="1:3" ht="36">
      <c r="A606" s="13">
        <v>604</v>
      </c>
      <c r="B606" s="11" t="s">
        <v>312</v>
      </c>
      <c r="C606" s="12" t="s">
        <v>116</v>
      </c>
    </row>
    <row r="607" spans="1:3" ht="36">
      <c r="A607" s="13">
        <v>605</v>
      </c>
      <c r="B607" s="11" t="s">
        <v>312</v>
      </c>
      <c r="C607" s="12" t="s">
        <v>116</v>
      </c>
    </row>
    <row r="608" spans="1:3" ht="36">
      <c r="A608" s="13">
        <v>606</v>
      </c>
      <c r="B608" s="11" t="s">
        <v>313</v>
      </c>
      <c r="C608" s="12" t="s">
        <v>116</v>
      </c>
    </row>
    <row r="609" spans="1:3" ht="36">
      <c r="A609" s="10">
        <v>607</v>
      </c>
      <c r="B609" s="11" t="s">
        <v>314</v>
      </c>
      <c r="C609" s="12" t="s">
        <v>116</v>
      </c>
    </row>
    <row r="610" spans="1:3" ht="36">
      <c r="A610" s="13">
        <v>608</v>
      </c>
      <c r="B610" s="11" t="s">
        <v>315</v>
      </c>
      <c r="C610" s="12" t="s">
        <v>116</v>
      </c>
    </row>
    <row r="611" spans="1:3" ht="36">
      <c r="A611" s="13">
        <v>609</v>
      </c>
      <c r="B611" s="11" t="s">
        <v>315</v>
      </c>
      <c r="C611" s="12" t="s">
        <v>116</v>
      </c>
    </row>
    <row r="612" spans="1:3" ht="36">
      <c r="A612" s="13">
        <v>610</v>
      </c>
      <c r="B612" s="11" t="s">
        <v>316</v>
      </c>
      <c r="C612" s="12" t="s">
        <v>116</v>
      </c>
    </row>
    <row r="613" spans="1:3" ht="36">
      <c r="A613" s="10">
        <v>611</v>
      </c>
      <c r="B613" s="11" t="s">
        <v>317</v>
      </c>
      <c r="C613" s="12" t="s">
        <v>116</v>
      </c>
    </row>
    <row r="614" spans="1:3" ht="36">
      <c r="A614" s="13">
        <v>612</v>
      </c>
      <c r="B614" s="11" t="s">
        <v>318</v>
      </c>
      <c r="C614" s="12" t="s">
        <v>116</v>
      </c>
    </row>
    <row r="615" spans="1:3" ht="36">
      <c r="A615" s="13">
        <v>613</v>
      </c>
      <c r="B615" s="11" t="s">
        <v>319</v>
      </c>
      <c r="C615" s="12" t="s">
        <v>116</v>
      </c>
    </row>
    <row r="616" spans="1:3" ht="36">
      <c r="A616" s="13">
        <v>614</v>
      </c>
      <c r="B616" s="11" t="s">
        <v>319</v>
      </c>
      <c r="C616" s="12" t="s">
        <v>116</v>
      </c>
    </row>
    <row r="617" spans="1:3" ht="36">
      <c r="A617" s="10">
        <v>615</v>
      </c>
      <c r="B617" s="11" t="s">
        <v>320</v>
      </c>
      <c r="C617" s="12" t="s">
        <v>116</v>
      </c>
    </row>
    <row r="618" spans="1:3" ht="36">
      <c r="A618" s="13">
        <v>616</v>
      </c>
      <c r="B618" s="11" t="s">
        <v>320</v>
      </c>
      <c r="C618" s="12" t="s">
        <v>116</v>
      </c>
    </row>
    <row r="619" spans="1:3" ht="36">
      <c r="A619" s="13">
        <v>617</v>
      </c>
      <c r="B619" s="11" t="s">
        <v>320</v>
      </c>
      <c r="C619" s="12" t="s">
        <v>116</v>
      </c>
    </row>
    <row r="620" spans="1:3" ht="36">
      <c r="A620" s="13">
        <v>618</v>
      </c>
      <c r="B620" s="11" t="s">
        <v>321</v>
      </c>
      <c r="C620" s="12" t="s">
        <v>116</v>
      </c>
    </row>
    <row r="621" spans="1:3" ht="36">
      <c r="A621" s="10">
        <v>619</v>
      </c>
      <c r="B621" s="11" t="s">
        <v>321</v>
      </c>
      <c r="C621" s="12" t="s">
        <v>116</v>
      </c>
    </row>
    <row r="622" spans="1:3" ht="36">
      <c r="A622" s="13">
        <v>620</v>
      </c>
      <c r="B622" s="11" t="s">
        <v>321</v>
      </c>
      <c r="C622" s="12" t="s">
        <v>116</v>
      </c>
    </row>
    <row r="623" spans="1:3" ht="36">
      <c r="A623" s="13">
        <v>621</v>
      </c>
      <c r="B623" s="11" t="s">
        <v>322</v>
      </c>
      <c r="C623" s="12" t="s">
        <v>116</v>
      </c>
    </row>
    <row r="624" spans="1:3" ht="36">
      <c r="A624" s="13">
        <v>622</v>
      </c>
      <c r="B624" s="11" t="s">
        <v>322</v>
      </c>
      <c r="C624" s="12" t="s">
        <v>116</v>
      </c>
    </row>
    <row r="625" spans="1:3" ht="36">
      <c r="A625" s="10">
        <v>623</v>
      </c>
      <c r="B625" s="11" t="s">
        <v>323</v>
      </c>
      <c r="C625" s="12" t="s">
        <v>116</v>
      </c>
    </row>
    <row r="626" spans="1:3" ht="36">
      <c r="A626" s="13">
        <v>624</v>
      </c>
      <c r="B626" s="11" t="s">
        <v>324</v>
      </c>
      <c r="C626" s="12" t="s">
        <v>116</v>
      </c>
    </row>
    <row r="627" spans="1:3" ht="36">
      <c r="A627" s="13">
        <v>625</v>
      </c>
      <c r="B627" s="11" t="s">
        <v>325</v>
      </c>
      <c r="C627" s="12" t="s">
        <v>116</v>
      </c>
    </row>
    <row r="628" spans="1:3" ht="36">
      <c r="A628" s="13">
        <v>626</v>
      </c>
      <c r="B628" s="11" t="s">
        <v>326</v>
      </c>
      <c r="C628" s="12" t="s">
        <v>116</v>
      </c>
    </row>
    <row r="629" spans="1:3" ht="36">
      <c r="A629" s="10">
        <v>627</v>
      </c>
      <c r="B629" s="11" t="s">
        <v>327</v>
      </c>
      <c r="C629" s="12" t="s">
        <v>116</v>
      </c>
    </row>
    <row r="630" spans="1:3" ht="36">
      <c r="A630" s="13">
        <v>628</v>
      </c>
      <c r="B630" s="11" t="s">
        <v>328</v>
      </c>
      <c r="C630" s="12" t="s">
        <v>116</v>
      </c>
    </row>
    <row r="631" spans="1:3" ht="36">
      <c r="A631" s="13">
        <v>629</v>
      </c>
      <c r="B631" s="11" t="s">
        <v>329</v>
      </c>
      <c r="C631" s="12" t="s">
        <v>116</v>
      </c>
    </row>
    <row r="632" spans="1:3" ht="36">
      <c r="A632" s="13">
        <v>630</v>
      </c>
      <c r="B632" s="11" t="s">
        <v>330</v>
      </c>
      <c r="C632" s="12" t="s">
        <v>116</v>
      </c>
    </row>
    <row r="633" spans="1:3" ht="36">
      <c r="A633" s="10">
        <v>631</v>
      </c>
      <c r="B633" s="11" t="s">
        <v>330</v>
      </c>
      <c r="C633" s="12" t="s">
        <v>116</v>
      </c>
    </row>
    <row r="634" spans="1:3" ht="36">
      <c r="A634" s="13">
        <v>632</v>
      </c>
      <c r="B634" s="11" t="s">
        <v>330</v>
      </c>
      <c r="C634" s="12" t="s">
        <v>116</v>
      </c>
    </row>
    <row r="635" spans="1:3" ht="36">
      <c r="A635" s="13">
        <v>633</v>
      </c>
      <c r="B635" s="11" t="s">
        <v>331</v>
      </c>
      <c r="C635" s="12" t="s">
        <v>116</v>
      </c>
    </row>
    <row r="636" spans="1:3" ht="36">
      <c r="A636" s="13">
        <v>634</v>
      </c>
      <c r="B636" s="11" t="s">
        <v>331</v>
      </c>
      <c r="C636" s="12" t="s">
        <v>116</v>
      </c>
    </row>
    <row r="637" spans="1:3" ht="36">
      <c r="A637" s="10">
        <v>635</v>
      </c>
      <c r="B637" s="11" t="s">
        <v>331</v>
      </c>
      <c r="C637" s="12" t="s">
        <v>116</v>
      </c>
    </row>
    <row r="638" spans="1:3" ht="36">
      <c r="A638" s="13">
        <v>636</v>
      </c>
      <c r="B638" s="11" t="s">
        <v>331</v>
      </c>
      <c r="C638" s="12" t="s">
        <v>116</v>
      </c>
    </row>
    <row r="639" spans="1:3" ht="36">
      <c r="A639" s="13">
        <v>637</v>
      </c>
      <c r="B639" s="11" t="s">
        <v>331</v>
      </c>
      <c r="C639" s="12" t="s">
        <v>116</v>
      </c>
    </row>
    <row r="640" spans="1:3" ht="36">
      <c r="A640" s="13">
        <v>638</v>
      </c>
      <c r="B640" s="11" t="s">
        <v>331</v>
      </c>
      <c r="C640" s="12" t="s">
        <v>116</v>
      </c>
    </row>
    <row r="641" spans="1:3" ht="36">
      <c r="A641" s="10">
        <v>639</v>
      </c>
      <c r="B641" s="11" t="s">
        <v>331</v>
      </c>
      <c r="C641" s="12" t="s">
        <v>116</v>
      </c>
    </row>
    <row r="642" spans="1:3" ht="36">
      <c r="A642" s="13">
        <v>640</v>
      </c>
      <c r="B642" s="11" t="s">
        <v>331</v>
      </c>
      <c r="C642" s="12" t="s">
        <v>116</v>
      </c>
    </row>
    <row r="643" spans="1:3" ht="36">
      <c r="A643" s="13">
        <v>641</v>
      </c>
      <c r="B643" s="11" t="s">
        <v>331</v>
      </c>
      <c r="C643" s="12" t="s">
        <v>116</v>
      </c>
    </row>
    <row r="644" spans="1:3" ht="36">
      <c r="A644" s="13">
        <v>642</v>
      </c>
      <c r="B644" s="11" t="s">
        <v>331</v>
      </c>
      <c r="C644" s="12" t="s">
        <v>116</v>
      </c>
    </row>
    <row r="645" spans="1:3" ht="36">
      <c r="A645" s="10">
        <v>643</v>
      </c>
      <c r="B645" s="11" t="s">
        <v>331</v>
      </c>
      <c r="C645" s="12" t="s">
        <v>116</v>
      </c>
    </row>
    <row r="646" spans="1:3" ht="36">
      <c r="A646" s="13">
        <v>644</v>
      </c>
      <c r="B646" s="11" t="s">
        <v>331</v>
      </c>
      <c r="C646" s="12" t="s">
        <v>116</v>
      </c>
    </row>
    <row r="647" spans="1:3" ht="36">
      <c r="A647" s="13">
        <v>645</v>
      </c>
      <c r="B647" s="11" t="s">
        <v>331</v>
      </c>
      <c r="C647" s="12" t="s">
        <v>116</v>
      </c>
    </row>
    <row r="648" spans="1:3" ht="36">
      <c r="A648" s="13">
        <v>646</v>
      </c>
      <c r="B648" s="11" t="s">
        <v>331</v>
      </c>
      <c r="C648" s="12" t="s">
        <v>116</v>
      </c>
    </row>
    <row r="649" spans="1:3" ht="36">
      <c r="A649" s="10">
        <v>647</v>
      </c>
      <c r="B649" s="11" t="s">
        <v>331</v>
      </c>
      <c r="C649" s="12" t="s">
        <v>116</v>
      </c>
    </row>
    <row r="650" spans="1:3" ht="36">
      <c r="A650" s="13">
        <v>648</v>
      </c>
      <c r="B650" s="11" t="s">
        <v>332</v>
      </c>
      <c r="C650" s="12" t="s">
        <v>116</v>
      </c>
    </row>
    <row r="651" spans="1:3" ht="36">
      <c r="A651" s="13">
        <v>649</v>
      </c>
      <c r="B651" s="11" t="s">
        <v>333</v>
      </c>
      <c r="C651" s="12" t="s">
        <v>116</v>
      </c>
    </row>
    <row r="652" spans="1:3" ht="36">
      <c r="A652" s="13">
        <v>650</v>
      </c>
      <c r="B652" s="11" t="s">
        <v>329</v>
      </c>
      <c r="C652" s="12" t="s">
        <v>116</v>
      </c>
    </row>
    <row r="653" spans="1:3" ht="36">
      <c r="A653" s="10">
        <v>651</v>
      </c>
      <c r="B653" s="11" t="s">
        <v>329</v>
      </c>
      <c r="C653" s="12" t="s">
        <v>116</v>
      </c>
    </row>
    <row r="654" spans="1:3" ht="36">
      <c r="A654" s="13">
        <v>652</v>
      </c>
      <c r="B654" s="11" t="s">
        <v>329</v>
      </c>
      <c r="C654" s="12" t="s">
        <v>116</v>
      </c>
    </row>
    <row r="655" spans="1:3" ht="36">
      <c r="A655" s="13">
        <v>653</v>
      </c>
      <c r="B655" s="11" t="s">
        <v>334</v>
      </c>
      <c r="C655" s="12" t="s">
        <v>116</v>
      </c>
    </row>
    <row r="656" spans="1:3" ht="36">
      <c r="A656" s="13">
        <v>654</v>
      </c>
      <c r="B656" s="11" t="s">
        <v>334</v>
      </c>
      <c r="C656" s="12" t="s">
        <v>116</v>
      </c>
    </row>
    <row r="657" spans="1:3" ht="36">
      <c r="A657" s="10">
        <v>655</v>
      </c>
      <c r="B657" s="11" t="s">
        <v>334</v>
      </c>
      <c r="C657" s="12" t="s">
        <v>116</v>
      </c>
    </row>
    <row r="658" spans="1:3" ht="36">
      <c r="A658" s="13">
        <v>656</v>
      </c>
      <c r="B658" s="11" t="s">
        <v>335</v>
      </c>
      <c r="C658" s="12" t="s">
        <v>116</v>
      </c>
    </row>
    <row r="659" spans="1:3" ht="36">
      <c r="A659" s="13">
        <v>657</v>
      </c>
      <c r="B659" s="11" t="s">
        <v>336</v>
      </c>
      <c r="C659" s="12" t="s">
        <v>116</v>
      </c>
    </row>
    <row r="660" spans="1:3" ht="36">
      <c r="A660" s="13">
        <v>658</v>
      </c>
      <c r="B660" s="11" t="s">
        <v>336</v>
      </c>
      <c r="C660" s="12" t="s">
        <v>116</v>
      </c>
    </row>
    <row r="661" spans="1:3" ht="36">
      <c r="A661" s="10">
        <v>659</v>
      </c>
      <c r="B661" s="11" t="s">
        <v>335</v>
      </c>
      <c r="C661" s="12" t="s">
        <v>116</v>
      </c>
    </row>
    <row r="662" spans="1:3" ht="36">
      <c r="A662" s="13">
        <v>660</v>
      </c>
      <c r="B662" s="11" t="s">
        <v>337</v>
      </c>
      <c r="C662" s="12" t="s">
        <v>116</v>
      </c>
    </row>
    <row r="663" spans="1:3" ht="36">
      <c r="A663" s="13">
        <v>661</v>
      </c>
      <c r="B663" s="11" t="s">
        <v>338</v>
      </c>
      <c r="C663" s="12" t="s">
        <v>116</v>
      </c>
    </row>
    <row r="664" spans="1:3" ht="36">
      <c r="A664" s="13">
        <v>662</v>
      </c>
      <c r="B664" s="11" t="s">
        <v>339</v>
      </c>
      <c r="C664" s="12" t="s">
        <v>116</v>
      </c>
    </row>
    <row r="665" spans="1:3" ht="36">
      <c r="A665" s="10">
        <v>663</v>
      </c>
      <c r="B665" s="11" t="s">
        <v>340</v>
      </c>
      <c r="C665" s="12" t="s">
        <v>116</v>
      </c>
    </row>
    <row r="666" spans="1:3" ht="36">
      <c r="A666" s="13">
        <v>664</v>
      </c>
      <c r="B666" s="11" t="s">
        <v>341</v>
      </c>
      <c r="C666" s="12" t="s">
        <v>116</v>
      </c>
    </row>
    <row r="667" spans="1:3" ht="36">
      <c r="A667" s="13">
        <v>665</v>
      </c>
      <c r="B667" s="11" t="s">
        <v>342</v>
      </c>
      <c r="C667" s="12" t="s">
        <v>116</v>
      </c>
    </row>
    <row r="668" spans="1:3" ht="36">
      <c r="A668" s="13">
        <v>666</v>
      </c>
      <c r="B668" s="11" t="s">
        <v>343</v>
      </c>
      <c r="C668" s="12" t="s">
        <v>116</v>
      </c>
    </row>
    <row r="669" spans="1:3" ht="36">
      <c r="A669" s="10">
        <v>667</v>
      </c>
      <c r="B669" s="11" t="s">
        <v>344</v>
      </c>
      <c r="C669" s="12" t="s">
        <v>116</v>
      </c>
    </row>
    <row r="670" spans="1:3" ht="36">
      <c r="A670" s="13">
        <v>668</v>
      </c>
      <c r="B670" s="11" t="s">
        <v>345</v>
      </c>
      <c r="C670" s="12" t="s">
        <v>116</v>
      </c>
    </row>
    <row r="671" spans="1:3" ht="36">
      <c r="A671" s="13">
        <v>669</v>
      </c>
      <c r="B671" s="11" t="s">
        <v>346</v>
      </c>
      <c r="C671" s="12" t="s">
        <v>116</v>
      </c>
    </row>
    <row r="672" spans="1:3" ht="36">
      <c r="A672" s="13">
        <v>670</v>
      </c>
      <c r="B672" s="11" t="s">
        <v>347</v>
      </c>
      <c r="C672" s="12" t="s">
        <v>116</v>
      </c>
    </row>
    <row r="673" spans="1:3" ht="36">
      <c r="A673" s="10">
        <v>671</v>
      </c>
      <c r="B673" s="11" t="s">
        <v>348</v>
      </c>
      <c r="C673" s="12" t="s">
        <v>116</v>
      </c>
    </row>
    <row r="674" spans="1:3" ht="36">
      <c r="A674" s="13">
        <v>672</v>
      </c>
      <c r="B674" s="11" t="s">
        <v>349</v>
      </c>
      <c r="C674" s="12" t="s">
        <v>116</v>
      </c>
    </row>
    <row r="675" spans="1:3" ht="36">
      <c r="A675" s="13">
        <v>673</v>
      </c>
      <c r="B675" s="11" t="s">
        <v>350</v>
      </c>
      <c r="C675" s="12" t="s">
        <v>116</v>
      </c>
    </row>
    <row r="676" spans="1:3" ht="36">
      <c r="A676" s="13">
        <v>674</v>
      </c>
      <c r="B676" s="11" t="s">
        <v>350</v>
      </c>
      <c r="C676" s="12" t="s">
        <v>116</v>
      </c>
    </row>
    <row r="677" spans="1:3" ht="36">
      <c r="A677" s="10">
        <v>675</v>
      </c>
      <c r="B677" s="11" t="s">
        <v>350</v>
      </c>
      <c r="C677" s="12" t="s">
        <v>116</v>
      </c>
    </row>
    <row r="678" spans="1:3" ht="36">
      <c r="A678" s="13">
        <v>676</v>
      </c>
      <c r="B678" s="11" t="s">
        <v>350</v>
      </c>
      <c r="C678" s="12" t="s">
        <v>116</v>
      </c>
    </row>
    <row r="679" spans="1:3" ht="36">
      <c r="A679" s="13">
        <v>677</v>
      </c>
      <c r="B679" s="11" t="s">
        <v>350</v>
      </c>
      <c r="C679" s="12" t="s">
        <v>116</v>
      </c>
    </row>
    <row r="680" spans="1:3" ht="36">
      <c r="A680" s="13">
        <v>678</v>
      </c>
      <c r="B680" s="11" t="s">
        <v>351</v>
      </c>
      <c r="C680" s="12" t="s">
        <v>116</v>
      </c>
    </row>
    <row r="681" spans="1:3" ht="36">
      <c r="A681" s="10">
        <v>679</v>
      </c>
      <c r="B681" s="11" t="s">
        <v>351</v>
      </c>
      <c r="C681" s="12" t="s">
        <v>116</v>
      </c>
    </row>
    <row r="682" spans="1:3" ht="36">
      <c r="A682" s="13">
        <v>680</v>
      </c>
      <c r="B682" s="11" t="s">
        <v>254</v>
      </c>
      <c r="C682" s="12" t="s">
        <v>116</v>
      </c>
    </row>
    <row r="683" spans="1:3" ht="36">
      <c r="A683" s="13">
        <v>681</v>
      </c>
      <c r="B683" s="11" t="s">
        <v>352</v>
      </c>
      <c r="C683" s="12" t="s">
        <v>116</v>
      </c>
    </row>
    <row r="684" spans="1:3" ht="36">
      <c r="A684" s="13">
        <v>682</v>
      </c>
      <c r="B684" s="11" t="s">
        <v>353</v>
      </c>
      <c r="C684" s="12" t="s">
        <v>116</v>
      </c>
    </row>
    <row r="685" spans="1:3" ht="36">
      <c r="A685" s="10">
        <v>683</v>
      </c>
      <c r="B685" s="11" t="s">
        <v>354</v>
      </c>
      <c r="C685" s="12" t="s">
        <v>116</v>
      </c>
    </row>
    <row r="686" spans="1:3" ht="36">
      <c r="A686" s="13">
        <v>684</v>
      </c>
      <c r="B686" s="11" t="s">
        <v>355</v>
      </c>
      <c r="C686" s="12" t="s">
        <v>116</v>
      </c>
    </row>
    <row r="687" spans="1:3" ht="36">
      <c r="A687" s="13">
        <v>685</v>
      </c>
      <c r="B687" s="11" t="s">
        <v>356</v>
      </c>
      <c r="C687" s="12" t="s">
        <v>116</v>
      </c>
    </row>
    <row r="688" spans="1:3" ht="36">
      <c r="A688" s="13">
        <v>686</v>
      </c>
      <c r="B688" s="11" t="s">
        <v>356</v>
      </c>
      <c r="C688" s="12" t="s">
        <v>116</v>
      </c>
    </row>
    <row r="689" spans="1:3" ht="36">
      <c r="A689" s="10">
        <v>687</v>
      </c>
      <c r="B689" s="11" t="s">
        <v>357</v>
      </c>
      <c r="C689" s="12" t="s">
        <v>116</v>
      </c>
    </row>
    <row r="690" spans="1:3" ht="36">
      <c r="A690" s="13">
        <v>688</v>
      </c>
      <c r="B690" s="11" t="s">
        <v>357</v>
      </c>
      <c r="C690" s="12" t="s">
        <v>116</v>
      </c>
    </row>
    <row r="691" spans="1:3" ht="36">
      <c r="A691" s="13">
        <v>689</v>
      </c>
      <c r="B691" s="11" t="s">
        <v>358</v>
      </c>
      <c r="C691" s="12" t="s">
        <v>116</v>
      </c>
    </row>
    <row r="692" spans="1:3" ht="36">
      <c r="A692" s="13">
        <v>690</v>
      </c>
      <c r="B692" s="11" t="s">
        <v>359</v>
      </c>
      <c r="C692" s="12" t="s">
        <v>116</v>
      </c>
    </row>
    <row r="693" spans="1:3" ht="36">
      <c r="A693" s="10">
        <v>691</v>
      </c>
      <c r="B693" s="11" t="s">
        <v>360</v>
      </c>
      <c r="C693" s="12" t="s">
        <v>116</v>
      </c>
    </row>
    <row r="694" spans="1:3" ht="36">
      <c r="A694" s="13">
        <v>692</v>
      </c>
      <c r="B694" s="11" t="s">
        <v>360</v>
      </c>
      <c r="C694" s="12" t="s">
        <v>116</v>
      </c>
    </row>
    <row r="695" spans="1:3" ht="36">
      <c r="A695" s="13">
        <v>693</v>
      </c>
      <c r="B695" s="11" t="s">
        <v>360</v>
      </c>
      <c r="C695" s="12" t="s">
        <v>116</v>
      </c>
    </row>
    <row r="696" spans="1:3" ht="36">
      <c r="A696" s="13">
        <v>694</v>
      </c>
      <c r="B696" s="11" t="s">
        <v>361</v>
      </c>
      <c r="C696" s="12" t="s">
        <v>116</v>
      </c>
    </row>
    <row r="697" spans="1:3" ht="36">
      <c r="A697" s="10">
        <v>695</v>
      </c>
      <c r="B697" s="11" t="s">
        <v>362</v>
      </c>
      <c r="C697" s="12" t="s">
        <v>116</v>
      </c>
    </row>
    <row r="698" spans="1:3" ht="36">
      <c r="A698" s="13">
        <v>696</v>
      </c>
      <c r="B698" s="11" t="s">
        <v>362</v>
      </c>
      <c r="C698" s="12" t="s">
        <v>116</v>
      </c>
    </row>
    <row r="699" spans="1:3" ht="36">
      <c r="A699" s="13">
        <v>697</v>
      </c>
      <c r="B699" s="11" t="s">
        <v>362</v>
      </c>
      <c r="C699" s="12" t="s">
        <v>116</v>
      </c>
    </row>
    <row r="700" spans="1:3" ht="36">
      <c r="A700" s="13">
        <v>698</v>
      </c>
      <c r="B700" s="11" t="s">
        <v>362</v>
      </c>
      <c r="C700" s="12" t="s">
        <v>116</v>
      </c>
    </row>
    <row r="701" spans="1:3" ht="36">
      <c r="A701" s="10">
        <v>699</v>
      </c>
      <c r="B701" s="11" t="s">
        <v>363</v>
      </c>
      <c r="C701" s="12" t="s">
        <v>116</v>
      </c>
    </row>
    <row r="702" spans="1:3" ht="36">
      <c r="A702" s="13">
        <v>700</v>
      </c>
      <c r="B702" s="11" t="s">
        <v>364</v>
      </c>
      <c r="C702" s="12" t="s">
        <v>116</v>
      </c>
    </row>
    <row r="703" spans="1:3" ht="36">
      <c r="A703" s="13">
        <v>701</v>
      </c>
      <c r="B703" s="11" t="s">
        <v>365</v>
      </c>
      <c r="C703" s="12" t="s">
        <v>116</v>
      </c>
    </row>
    <row r="704" spans="1:3" ht="36">
      <c r="A704" s="13">
        <v>702</v>
      </c>
      <c r="B704" s="11" t="s">
        <v>366</v>
      </c>
      <c r="C704" s="12" t="s">
        <v>116</v>
      </c>
    </row>
    <row r="705" spans="1:3" ht="36">
      <c r="A705" s="10">
        <v>703</v>
      </c>
      <c r="B705" s="11" t="s">
        <v>312</v>
      </c>
      <c r="C705" s="12" t="s">
        <v>116</v>
      </c>
    </row>
    <row r="706" spans="1:3" ht="36">
      <c r="A706" s="13">
        <v>704</v>
      </c>
      <c r="B706" s="11" t="s">
        <v>312</v>
      </c>
      <c r="C706" s="12" t="s">
        <v>116</v>
      </c>
    </row>
    <row r="707" spans="1:3" ht="36">
      <c r="A707" s="13">
        <v>705</v>
      </c>
      <c r="B707" s="11" t="s">
        <v>367</v>
      </c>
      <c r="C707" s="12" t="s">
        <v>116</v>
      </c>
    </row>
    <row r="708" spans="1:3" ht="36">
      <c r="A708" s="13">
        <v>706</v>
      </c>
      <c r="B708" s="11" t="s">
        <v>331</v>
      </c>
      <c r="C708" s="12" t="s">
        <v>116</v>
      </c>
    </row>
    <row r="709" spans="1:3" ht="36">
      <c r="A709" s="10">
        <v>707</v>
      </c>
      <c r="B709" s="11" t="s">
        <v>368</v>
      </c>
      <c r="C709" s="12" t="s">
        <v>116</v>
      </c>
    </row>
    <row r="710" spans="1:3" ht="36">
      <c r="A710" s="13">
        <v>708</v>
      </c>
      <c r="B710" s="11" t="s">
        <v>368</v>
      </c>
      <c r="C710" s="12" t="s">
        <v>116</v>
      </c>
    </row>
    <row r="711" spans="1:3" ht="36">
      <c r="A711" s="13">
        <v>709</v>
      </c>
      <c r="B711" s="11" t="s">
        <v>369</v>
      </c>
      <c r="C711" s="12" t="s">
        <v>116</v>
      </c>
    </row>
    <row r="712" spans="1:3" ht="36">
      <c r="A712" s="13">
        <v>710</v>
      </c>
      <c r="B712" s="11" t="s">
        <v>370</v>
      </c>
      <c r="C712" s="12" t="s">
        <v>116</v>
      </c>
    </row>
    <row r="713" spans="1:3" ht="36">
      <c r="A713" s="10">
        <v>711</v>
      </c>
      <c r="B713" s="11" t="s">
        <v>371</v>
      </c>
      <c r="C713" s="12" t="s">
        <v>116</v>
      </c>
    </row>
    <row r="714" spans="1:3" ht="36">
      <c r="A714" s="13">
        <v>712</v>
      </c>
      <c r="B714" s="11" t="s">
        <v>372</v>
      </c>
      <c r="C714" s="12" t="s">
        <v>116</v>
      </c>
    </row>
    <row r="715" spans="1:3" ht="36">
      <c r="A715" s="13">
        <v>713</v>
      </c>
      <c r="B715" s="11" t="s">
        <v>373</v>
      </c>
      <c r="C715" s="12" t="s">
        <v>116</v>
      </c>
    </row>
    <row r="716" spans="1:3" ht="36">
      <c r="A716" s="13">
        <v>714</v>
      </c>
      <c r="B716" s="11" t="s">
        <v>373</v>
      </c>
      <c r="C716" s="12" t="s">
        <v>116</v>
      </c>
    </row>
    <row r="717" spans="1:3" ht="36">
      <c r="A717" s="10">
        <v>715</v>
      </c>
      <c r="B717" s="11" t="s">
        <v>373</v>
      </c>
      <c r="C717" s="12" t="s">
        <v>116</v>
      </c>
    </row>
    <row r="718" spans="1:3" ht="36">
      <c r="A718" s="13">
        <v>716</v>
      </c>
      <c r="B718" s="11" t="s">
        <v>374</v>
      </c>
      <c r="C718" s="12" t="s">
        <v>116</v>
      </c>
    </row>
    <row r="719" spans="1:3" ht="36">
      <c r="A719" s="13">
        <v>717</v>
      </c>
      <c r="B719" s="11" t="s">
        <v>374</v>
      </c>
      <c r="C719" s="12" t="s">
        <v>116</v>
      </c>
    </row>
    <row r="720" spans="1:3" ht="36">
      <c r="A720" s="13">
        <v>718</v>
      </c>
      <c r="B720" s="11" t="s">
        <v>356</v>
      </c>
      <c r="C720" s="12" t="s">
        <v>116</v>
      </c>
    </row>
    <row r="721" spans="1:3" ht="36">
      <c r="A721" s="10">
        <v>719</v>
      </c>
      <c r="B721" s="11" t="s">
        <v>356</v>
      </c>
      <c r="C721" s="12" t="s">
        <v>116</v>
      </c>
    </row>
    <row r="722" spans="1:3" ht="36">
      <c r="A722" s="13">
        <v>720</v>
      </c>
      <c r="B722" s="11" t="s">
        <v>375</v>
      </c>
      <c r="C722" s="12" t="s">
        <v>116</v>
      </c>
    </row>
    <row r="723" spans="1:3" ht="36">
      <c r="A723" s="13">
        <v>721</v>
      </c>
      <c r="B723" s="11" t="s">
        <v>376</v>
      </c>
      <c r="C723" s="12" t="s">
        <v>116</v>
      </c>
    </row>
    <row r="724" spans="1:3" ht="36">
      <c r="A724" s="13">
        <v>722</v>
      </c>
      <c r="B724" s="11" t="s">
        <v>376</v>
      </c>
      <c r="C724" s="12" t="s">
        <v>116</v>
      </c>
    </row>
    <row r="725" spans="1:3" ht="36">
      <c r="A725" s="10">
        <v>723</v>
      </c>
      <c r="B725" s="11" t="s">
        <v>377</v>
      </c>
      <c r="C725" s="12" t="s">
        <v>116</v>
      </c>
    </row>
    <row r="726" spans="1:3" ht="36">
      <c r="A726" s="13">
        <v>724</v>
      </c>
      <c r="B726" s="11" t="s">
        <v>377</v>
      </c>
      <c r="C726" s="12" t="s">
        <v>116</v>
      </c>
    </row>
    <row r="727" spans="1:3" ht="36">
      <c r="A727" s="13">
        <v>725</v>
      </c>
      <c r="B727" s="11" t="s">
        <v>377</v>
      </c>
      <c r="C727" s="12" t="s">
        <v>116</v>
      </c>
    </row>
    <row r="728" spans="1:3" ht="36">
      <c r="A728" s="13">
        <v>726</v>
      </c>
      <c r="B728" s="11" t="s">
        <v>378</v>
      </c>
      <c r="C728" s="12" t="s">
        <v>116</v>
      </c>
    </row>
    <row r="729" spans="1:3" ht="36">
      <c r="A729" s="10">
        <v>727</v>
      </c>
      <c r="B729" s="11" t="s">
        <v>378</v>
      </c>
      <c r="C729" s="12" t="s">
        <v>116</v>
      </c>
    </row>
    <row r="730" spans="1:3" ht="36">
      <c r="A730" s="13">
        <v>728</v>
      </c>
      <c r="B730" s="11" t="s">
        <v>378</v>
      </c>
      <c r="C730" s="12" t="s">
        <v>116</v>
      </c>
    </row>
    <row r="731" spans="1:3" ht="36">
      <c r="A731" s="13">
        <v>729</v>
      </c>
      <c r="B731" s="11" t="s">
        <v>378</v>
      </c>
      <c r="C731" s="12" t="s">
        <v>116</v>
      </c>
    </row>
    <row r="732" spans="1:3" ht="36">
      <c r="A732" s="13">
        <v>730</v>
      </c>
      <c r="B732" s="11" t="s">
        <v>378</v>
      </c>
      <c r="C732" s="12" t="s">
        <v>116</v>
      </c>
    </row>
    <row r="733" spans="1:3" ht="36">
      <c r="A733" s="10">
        <v>731</v>
      </c>
      <c r="B733" s="11" t="s">
        <v>378</v>
      </c>
      <c r="C733" s="12" t="s">
        <v>116</v>
      </c>
    </row>
    <row r="734" spans="1:3" ht="36">
      <c r="A734" s="13">
        <v>732</v>
      </c>
      <c r="B734" s="11" t="s">
        <v>378</v>
      </c>
      <c r="C734" s="12" t="s">
        <v>116</v>
      </c>
    </row>
    <row r="735" spans="1:3" ht="36">
      <c r="A735" s="13">
        <v>733</v>
      </c>
      <c r="B735" s="11" t="s">
        <v>378</v>
      </c>
      <c r="C735" s="12" t="s">
        <v>116</v>
      </c>
    </row>
    <row r="736" spans="1:3" ht="36">
      <c r="A736" s="13">
        <v>734</v>
      </c>
      <c r="B736" s="11" t="s">
        <v>378</v>
      </c>
      <c r="C736" s="12" t="s">
        <v>116</v>
      </c>
    </row>
    <row r="737" spans="1:3" ht="36">
      <c r="A737" s="10">
        <v>735</v>
      </c>
      <c r="B737" s="11" t="s">
        <v>378</v>
      </c>
      <c r="C737" s="12" t="s">
        <v>116</v>
      </c>
    </row>
    <row r="738" spans="1:3" ht="36">
      <c r="A738" s="13">
        <v>736</v>
      </c>
      <c r="B738" s="11" t="s">
        <v>378</v>
      </c>
      <c r="C738" s="12" t="s">
        <v>116</v>
      </c>
    </row>
    <row r="739" spans="1:3" ht="36">
      <c r="A739" s="13">
        <v>737</v>
      </c>
      <c r="B739" s="11" t="s">
        <v>379</v>
      </c>
      <c r="C739" s="12" t="s">
        <v>116</v>
      </c>
    </row>
    <row r="740" spans="1:3" ht="36">
      <c r="A740" s="13">
        <v>738</v>
      </c>
      <c r="B740" s="11" t="s">
        <v>380</v>
      </c>
      <c r="C740" s="12" t="s">
        <v>116</v>
      </c>
    </row>
    <row r="741" spans="1:3" ht="36">
      <c r="A741" s="10">
        <v>739</v>
      </c>
      <c r="B741" s="11" t="s">
        <v>381</v>
      </c>
      <c r="C741" s="12" t="s">
        <v>116</v>
      </c>
    </row>
    <row r="742" spans="1:3" ht="36">
      <c r="A742" s="13">
        <v>740</v>
      </c>
      <c r="B742" s="11" t="s">
        <v>382</v>
      </c>
      <c r="C742" s="12" t="s">
        <v>116</v>
      </c>
    </row>
    <row r="743" spans="1:3" ht="36">
      <c r="A743" s="13">
        <v>741</v>
      </c>
      <c r="B743" s="11" t="s">
        <v>383</v>
      </c>
      <c r="C743" s="12" t="s">
        <v>116</v>
      </c>
    </row>
    <row r="744" spans="1:3" ht="36">
      <c r="A744" s="13">
        <v>742</v>
      </c>
      <c r="B744" s="11" t="s">
        <v>383</v>
      </c>
      <c r="C744" s="12" t="s">
        <v>116</v>
      </c>
    </row>
    <row r="745" spans="1:3" ht="36">
      <c r="A745" s="10">
        <v>743</v>
      </c>
      <c r="B745" s="11" t="s">
        <v>384</v>
      </c>
      <c r="C745" s="12" t="s">
        <v>116</v>
      </c>
    </row>
    <row r="746" spans="1:3" ht="36">
      <c r="A746" s="13">
        <v>744</v>
      </c>
      <c r="B746" s="11" t="s">
        <v>384</v>
      </c>
      <c r="C746" s="12" t="s">
        <v>116</v>
      </c>
    </row>
    <row r="747" spans="1:3" ht="36">
      <c r="A747" s="13">
        <v>745</v>
      </c>
      <c r="B747" s="11" t="s">
        <v>385</v>
      </c>
      <c r="C747" s="12" t="s">
        <v>116</v>
      </c>
    </row>
    <row r="748" spans="1:3" ht="36">
      <c r="A748" s="13">
        <v>746</v>
      </c>
      <c r="B748" s="11" t="s">
        <v>385</v>
      </c>
      <c r="C748" s="12" t="s">
        <v>116</v>
      </c>
    </row>
    <row r="749" spans="1:3" ht="36">
      <c r="A749" s="10">
        <v>747</v>
      </c>
      <c r="B749" s="11" t="s">
        <v>386</v>
      </c>
      <c r="C749" s="12" t="s">
        <v>116</v>
      </c>
    </row>
    <row r="750" spans="1:3" ht="36">
      <c r="A750" s="13">
        <v>748</v>
      </c>
      <c r="B750" s="11" t="s">
        <v>386</v>
      </c>
      <c r="C750" s="12" t="s">
        <v>116</v>
      </c>
    </row>
    <row r="751" spans="1:3" ht="36">
      <c r="A751" s="13">
        <v>749</v>
      </c>
      <c r="B751" s="11" t="s">
        <v>387</v>
      </c>
      <c r="C751" s="12" t="s">
        <v>116</v>
      </c>
    </row>
    <row r="752" spans="1:3" ht="36">
      <c r="A752" s="13">
        <v>750</v>
      </c>
      <c r="B752" s="10" t="s">
        <v>388</v>
      </c>
      <c r="C752" s="12" t="s">
        <v>116</v>
      </c>
    </row>
    <row r="753" spans="1:3" ht="36">
      <c r="A753" s="10">
        <v>751</v>
      </c>
      <c r="B753" s="11" t="s">
        <v>389</v>
      </c>
      <c r="C753" s="12" t="s">
        <v>116</v>
      </c>
    </row>
    <row r="754" spans="1:3" ht="36">
      <c r="A754" s="13">
        <v>752</v>
      </c>
      <c r="B754" s="11" t="s">
        <v>389</v>
      </c>
      <c r="C754" s="12" t="s">
        <v>116</v>
      </c>
    </row>
    <row r="755" spans="1:3" ht="36">
      <c r="A755" s="13">
        <v>753</v>
      </c>
      <c r="B755" s="11" t="s">
        <v>390</v>
      </c>
      <c r="C755" s="12" t="s">
        <v>116</v>
      </c>
    </row>
    <row r="756" spans="1:3" ht="36">
      <c r="A756" s="13">
        <v>754</v>
      </c>
      <c r="B756" s="11" t="s">
        <v>390</v>
      </c>
      <c r="C756" s="12" t="s">
        <v>116</v>
      </c>
    </row>
    <row r="757" spans="1:3" ht="36">
      <c r="A757" s="10">
        <v>755</v>
      </c>
      <c r="B757" s="10" t="s">
        <v>391</v>
      </c>
      <c r="C757" s="12" t="s">
        <v>116</v>
      </c>
    </row>
    <row r="758" spans="1:3" ht="36">
      <c r="A758" s="13">
        <v>756</v>
      </c>
      <c r="B758" s="18" t="s">
        <v>392</v>
      </c>
      <c r="C758" s="12" t="s">
        <v>116</v>
      </c>
    </row>
    <row r="759" spans="1:3" ht="36">
      <c r="A759" s="13">
        <v>757</v>
      </c>
      <c r="B759" s="10" t="s">
        <v>393</v>
      </c>
      <c r="C759" s="12" t="s">
        <v>116</v>
      </c>
    </row>
    <row r="760" spans="1:3" ht="36">
      <c r="A760" s="13">
        <v>758</v>
      </c>
      <c r="B760" s="10" t="s">
        <v>394</v>
      </c>
      <c r="C760" s="12" t="s">
        <v>116</v>
      </c>
    </row>
    <row r="761" spans="1:3" ht="36">
      <c r="A761" s="10">
        <v>759</v>
      </c>
      <c r="B761" s="15" t="s">
        <v>395</v>
      </c>
      <c r="C761" s="12" t="s">
        <v>116</v>
      </c>
    </row>
    <row r="762" spans="1:3" ht="36">
      <c r="A762" s="13">
        <v>760</v>
      </c>
      <c r="B762" s="10" t="s">
        <v>396</v>
      </c>
      <c r="C762" s="12" t="s">
        <v>116</v>
      </c>
    </row>
    <row r="763" spans="1:3" ht="36">
      <c r="A763" s="13">
        <v>761</v>
      </c>
      <c r="B763" s="10" t="s">
        <v>65</v>
      </c>
      <c r="C763" s="12" t="s">
        <v>116</v>
      </c>
    </row>
    <row r="764" spans="1:3" ht="36">
      <c r="A764" s="13">
        <v>762</v>
      </c>
      <c r="B764" s="10" t="s">
        <v>65</v>
      </c>
      <c r="C764" s="12" t="s">
        <v>116</v>
      </c>
    </row>
    <row r="765" spans="1:3" ht="36">
      <c r="A765" s="10">
        <v>763</v>
      </c>
      <c r="B765" s="10" t="s">
        <v>65</v>
      </c>
      <c r="C765" s="12" t="s">
        <v>116</v>
      </c>
    </row>
    <row r="766" spans="1:3" ht="36">
      <c r="A766" s="13">
        <v>764</v>
      </c>
      <c r="B766" s="10" t="s">
        <v>65</v>
      </c>
      <c r="C766" s="12" t="s">
        <v>116</v>
      </c>
    </row>
    <row r="767" spans="1:3" ht="36">
      <c r="A767" s="13">
        <v>765</v>
      </c>
      <c r="B767" s="25" t="s">
        <v>397</v>
      </c>
      <c r="C767" s="12" t="s">
        <v>116</v>
      </c>
    </row>
    <row r="768" spans="1:3" ht="36">
      <c r="A768" s="13">
        <v>766</v>
      </c>
      <c r="B768" s="10" t="s">
        <v>398</v>
      </c>
      <c r="C768" s="12" t="s">
        <v>116</v>
      </c>
    </row>
    <row r="769" spans="1:3" ht="36">
      <c r="A769" s="10">
        <v>767</v>
      </c>
      <c r="B769" s="10" t="s">
        <v>398</v>
      </c>
      <c r="C769" s="12" t="s">
        <v>116</v>
      </c>
    </row>
    <row r="770" spans="1:3" ht="36">
      <c r="A770" s="13">
        <v>768</v>
      </c>
      <c r="B770" s="15" t="s">
        <v>399</v>
      </c>
      <c r="C770" s="12" t="s">
        <v>116</v>
      </c>
    </row>
    <row r="771" spans="1:3" ht="36">
      <c r="A771" s="13">
        <v>769</v>
      </c>
      <c r="B771" s="26" t="s">
        <v>400</v>
      </c>
      <c r="C771" s="12" t="s">
        <v>116</v>
      </c>
    </row>
    <row r="772" spans="1:3" ht="36">
      <c r="A772" s="13">
        <v>770</v>
      </c>
      <c r="B772" s="26" t="s">
        <v>401</v>
      </c>
      <c r="C772" s="12" t="s">
        <v>116</v>
      </c>
    </row>
    <row r="773" spans="1:3" ht="36">
      <c r="A773" s="10">
        <v>771</v>
      </c>
      <c r="B773" s="26" t="s">
        <v>401</v>
      </c>
      <c r="C773" s="12" t="s">
        <v>116</v>
      </c>
    </row>
    <row r="774" spans="1:3" ht="36">
      <c r="A774" s="13">
        <v>772</v>
      </c>
      <c r="B774" s="26" t="s">
        <v>401</v>
      </c>
      <c r="C774" s="12" t="s">
        <v>116</v>
      </c>
    </row>
    <row r="775" spans="1:3" ht="36">
      <c r="A775" s="13">
        <v>773</v>
      </c>
      <c r="B775" s="26" t="s">
        <v>402</v>
      </c>
      <c r="C775" s="12" t="s">
        <v>116</v>
      </c>
    </row>
    <row r="776" spans="1:3" ht="36">
      <c r="A776" s="13">
        <v>774</v>
      </c>
      <c r="B776" s="26" t="s">
        <v>402</v>
      </c>
      <c r="C776" s="12" t="s">
        <v>116</v>
      </c>
    </row>
    <row r="777" spans="1:3" ht="36">
      <c r="A777" s="10">
        <v>775</v>
      </c>
      <c r="B777" s="26" t="s">
        <v>402</v>
      </c>
      <c r="C777" s="12" t="s">
        <v>116</v>
      </c>
    </row>
    <row r="778" spans="1:3" ht="36">
      <c r="A778" s="13">
        <v>776</v>
      </c>
      <c r="B778" s="26" t="s">
        <v>403</v>
      </c>
      <c r="C778" s="12" t="s">
        <v>116</v>
      </c>
    </row>
    <row r="779" spans="1:3" ht="36">
      <c r="A779" s="13">
        <v>777</v>
      </c>
      <c r="B779" s="26" t="s">
        <v>403</v>
      </c>
      <c r="C779" s="12" t="s">
        <v>116</v>
      </c>
    </row>
    <row r="780" spans="1:3" ht="36">
      <c r="A780" s="13">
        <v>778</v>
      </c>
      <c r="B780" s="26" t="s">
        <v>403</v>
      </c>
      <c r="C780" s="12" t="s">
        <v>116</v>
      </c>
    </row>
    <row r="781" spans="1:3" ht="36">
      <c r="A781" s="10">
        <v>779</v>
      </c>
      <c r="B781" s="26" t="s">
        <v>403</v>
      </c>
      <c r="C781" s="12" t="s">
        <v>116</v>
      </c>
    </row>
    <row r="782" spans="1:3" ht="36">
      <c r="A782" s="13">
        <v>780</v>
      </c>
      <c r="B782" s="26" t="s">
        <v>403</v>
      </c>
      <c r="C782" s="12" t="s">
        <v>116</v>
      </c>
    </row>
    <row r="783" spans="1:3" ht="36">
      <c r="A783" s="13">
        <v>781</v>
      </c>
      <c r="B783" s="26" t="s">
        <v>403</v>
      </c>
      <c r="C783" s="12" t="s">
        <v>116</v>
      </c>
    </row>
    <row r="784" spans="1:3" ht="36">
      <c r="A784" s="13">
        <v>782</v>
      </c>
      <c r="B784" s="26" t="s">
        <v>403</v>
      </c>
      <c r="C784" s="12" t="s">
        <v>116</v>
      </c>
    </row>
    <row r="785" spans="1:3" ht="36">
      <c r="A785" s="10">
        <v>783</v>
      </c>
      <c r="B785" s="26" t="s">
        <v>404</v>
      </c>
      <c r="C785" s="12" t="s">
        <v>116</v>
      </c>
    </row>
    <row r="786" spans="1:3" ht="36">
      <c r="A786" s="13">
        <v>784</v>
      </c>
      <c r="B786" s="30" t="s">
        <v>398</v>
      </c>
      <c r="C786" s="12" t="s">
        <v>116</v>
      </c>
    </row>
    <row r="787" spans="1:3" ht="36">
      <c r="A787" s="13">
        <v>785</v>
      </c>
      <c r="B787" s="10" t="s">
        <v>405</v>
      </c>
      <c r="C787" s="12" t="s">
        <v>116</v>
      </c>
    </row>
    <row r="788" spans="1:3" ht="36">
      <c r="A788" s="13">
        <v>786</v>
      </c>
      <c r="B788" s="10" t="s">
        <v>406</v>
      </c>
      <c r="C788" s="12" t="s">
        <v>116</v>
      </c>
    </row>
    <row r="789" spans="1:3" ht="36">
      <c r="A789" s="10">
        <v>787</v>
      </c>
      <c r="B789" s="11" t="s">
        <v>407</v>
      </c>
      <c r="C789" s="12" t="s">
        <v>408</v>
      </c>
    </row>
    <row r="790" spans="1:3" ht="36">
      <c r="A790" s="13">
        <v>788</v>
      </c>
      <c r="B790" s="11" t="s">
        <v>409</v>
      </c>
      <c r="C790" s="12" t="s">
        <v>408</v>
      </c>
    </row>
    <row r="791" spans="1:3" ht="36">
      <c r="A791" s="13">
        <v>789</v>
      </c>
      <c r="B791" s="11" t="s">
        <v>407</v>
      </c>
      <c r="C791" s="12" t="s">
        <v>408</v>
      </c>
    </row>
    <row r="792" spans="1:3" ht="36">
      <c r="A792" s="13">
        <v>790</v>
      </c>
      <c r="B792" s="11" t="s">
        <v>407</v>
      </c>
      <c r="C792" s="12" t="s">
        <v>408</v>
      </c>
    </row>
    <row r="793" spans="1:3" ht="36">
      <c r="A793" s="10">
        <v>791</v>
      </c>
      <c r="B793" s="11" t="s">
        <v>410</v>
      </c>
      <c r="C793" s="12" t="s">
        <v>408</v>
      </c>
    </row>
    <row r="794" spans="1:3" ht="36">
      <c r="A794" s="13">
        <v>792</v>
      </c>
      <c r="B794" s="11" t="s">
        <v>411</v>
      </c>
      <c r="C794" s="12" t="s">
        <v>408</v>
      </c>
    </row>
    <row r="795" spans="1:3" ht="36">
      <c r="A795" s="13">
        <v>793</v>
      </c>
      <c r="B795" s="11" t="s">
        <v>412</v>
      </c>
      <c r="C795" s="12" t="s">
        <v>408</v>
      </c>
    </row>
    <row r="796" spans="1:3" ht="36">
      <c r="A796" s="13">
        <v>794</v>
      </c>
      <c r="B796" s="11" t="s">
        <v>413</v>
      </c>
      <c r="C796" s="12" t="s">
        <v>408</v>
      </c>
    </row>
    <row r="797" spans="1:3" ht="36">
      <c r="A797" s="10">
        <v>795</v>
      </c>
      <c r="B797" s="11" t="s">
        <v>414</v>
      </c>
      <c r="C797" s="12" t="s">
        <v>408</v>
      </c>
    </row>
    <row r="798" spans="1:3" ht="36">
      <c r="A798" s="13">
        <v>796</v>
      </c>
      <c r="B798" s="11" t="s">
        <v>415</v>
      </c>
      <c r="C798" s="12" t="s">
        <v>408</v>
      </c>
    </row>
    <row r="799" spans="1:3" ht="36">
      <c r="A799" s="13">
        <v>797</v>
      </c>
      <c r="B799" s="11" t="s">
        <v>416</v>
      </c>
      <c r="C799" s="12" t="s">
        <v>408</v>
      </c>
    </row>
    <row r="800" spans="1:3" ht="36">
      <c r="A800" s="13">
        <v>798</v>
      </c>
      <c r="B800" s="11" t="s">
        <v>417</v>
      </c>
      <c r="C800" s="12" t="s">
        <v>408</v>
      </c>
    </row>
    <row r="801" spans="1:3" ht="36">
      <c r="A801" s="10">
        <v>799</v>
      </c>
      <c r="B801" s="11" t="s">
        <v>418</v>
      </c>
      <c r="C801" s="12" t="s">
        <v>408</v>
      </c>
    </row>
    <row r="802" spans="1:3" ht="36">
      <c r="A802" s="13">
        <v>800</v>
      </c>
      <c r="B802" s="11" t="s">
        <v>419</v>
      </c>
      <c r="C802" s="12" t="s">
        <v>408</v>
      </c>
    </row>
    <row r="803" spans="1:3" ht="36">
      <c r="A803" s="13">
        <v>801</v>
      </c>
      <c r="B803" s="11" t="s">
        <v>12</v>
      </c>
      <c r="C803" s="12" t="s">
        <v>408</v>
      </c>
    </row>
    <row r="804" spans="1:3" ht="36">
      <c r="A804" s="13">
        <v>802</v>
      </c>
      <c r="B804" s="11" t="s">
        <v>12</v>
      </c>
      <c r="C804" s="12" t="s">
        <v>408</v>
      </c>
    </row>
    <row r="805" spans="1:3" ht="36">
      <c r="A805" s="10">
        <v>803</v>
      </c>
      <c r="B805" s="11" t="s">
        <v>12</v>
      </c>
      <c r="C805" s="12" t="s">
        <v>408</v>
      </c>
    </row>
    <row r="806" spans="1:3" ht="36">
      <c r="A806" s="13">
        <v>804</v>
      </c>
      <c r="B806" s="11" t="s">
        <v>420</v>
      </c>
      <c r="C806" s="12" t="s">
        <v>408</v>
      </c>
    </row>
    <row r="807" spans="1:3" ht="36">
      <c r="A807" s="13">
        <v>805</v>
      </c>
      <c r="B807" s="11" t="s">
        <v>421</v>
      </c>
      <c r="C807" s="12" t="s">
        <v>408</v>
      </c>
    </row>
    <row r="808" spans="1:3" ht="36">
      <c r="A808" s="13">
        <v>806</v>
      </c>
      <c r="B808" s="11" t="s">
        <v>421</v>
      </c>
      <c r="C808" s="12" t="s">
        <v>408</v>
      </c>
    </row>
    <row r="809" spans="1:3" ht="36">
      <c r="A809" s="10">
        <v>807</v>
      </c>
      <c r="B809" s="11" t="s">
        <v>421</v>
      </c>
      <c r="C809" s="12" t="s">
        <v>408</v>
      </c>
    </row>
    <row r="810" spans="1:3" ht="36">
      <c r="A810" s="13">
        <v>808</v>
      </c>
      <c r="B810" s="11" t="s">
        <v>422</v>
      </c>
      <c r="C810" s="12" t="s">
        <v>408</v>
      </c>
    </row>
    <row r="811" spans="1:3" ht="36">
      <c r="A811" s="13">
        <v>809</v>
      </c>
      <c r="B811" s="11" t="s">
        <v>423</v>
      </c>
      <c r="C811" s="12" t="s">
        <v>408</v>
      </c>
    </row>
    <row r="812" spans="1:3" ht="36">
      <c r="A812" s="13">
        <v>810</v>
      </c>
      <c r="B812" s="11" t="s">
        <v>424</v>
      </c>
      <c r="C812" s="12" t="s">
        <v>408</v>
      </c>
    </row>
    <row r="813" spans="1:3" ht="36">
      <c r="A813" s="10">
        <v>811</v>
      </c>
      <c r="B813" s="11" t="s">
        <v>425</v>
      </c>
      <c r="C813" s="12" t="s">
        <v>408</v>
      </c>
    </row>
    <row r="814" spans="1:3" ht="36">
      <c r="A814" s="13">
        <v>812</v>
      </c>
      <c r="B814" s="11" t="s">
        <v>426</v>
      </c>
      <c r="C814" s="12" t="s">
        <v>408</v>
      </c>
    </row>
    <row r="815" spans="1:3" ht="36">
      <c r="A815" s="13">
        <v>813</v>
      </c>
      <c r="B815" s="11" t="s">
        <v>148</v>
      </c>
      <c r="C815" s="12" t="s">
        <v>408</v>
      </c>
    </row>
    <row r="816" spans="1:3" ht="36">
      <c r="A816" s="13">
        <v>814</v>
      </c>
      <c r="B816" s="11" t="s">
        <v>427</v>
      </c>
      <c r="C816" s="12" t="s">
        <v>408</v>
      </c>
    </row>
    <row r="817" spans="1:3" ht="36">
      <c r="A817" s="10">
        <v>815</v>
      </c>
      <c r="B817" s="11" t="s">
        <v>428</v>
      </c>
      <c r="C817" s="12" t="s">
        <v>408</v>
      </c>
    </row>
    <row r="818" spans="1:3" ht="36">
      <c r="A818" s="13">
        <v>816</v>
      </c>
      <c r="B818" s="11" t="s">
        <v>429</v>
      </c>
      <c r="C818" s="12" t="s">
        <v>408</v>
      </c>
    </row>
    <row r="819" spans="1:3" ht="36">
      <c r="A819" s="13">
        <v>817</v>
      </c>
      <c r="B819" s="11" t="s">
        <v>430</v>
      </c>
      <c r="C819" s="12" t="s">
        <v>408</v>
      </c>
    </row>
    <row r="820" spans="1:3" ht="36">
      <c r="A820" s="13">
        <v>818</v>
      </c>
      <c r="B820" s="11" t="s">
        <v>431</v>
      </c>
      <c r="C820" s="12" t="s">
        <v>408</v>
      </c>
    </row>
    <row r="821" spans="1:3" ht="36">
      <c r="A821" s="10">
        <v>819</v>
      </c>
      <c r="B821" s="11" t="s">
        <v>432</v>
      </c>
      <c r="C821" s="12" t="s">
        <v>408</v>
      </c>
    </row>
    <row r="822" spans="1:3" ht="36">
      <c r="A822" s="13">
        <v>820</v>
      </c>
      <c r="B822" s="10" t="s">
        <v>433</v>
      </c>
      <c r="C822" s="12" t="s">
        <v>408</v>
      </c>
    </row>
    <row r="823" spans="1:3" ht="36">
      <c r="A823" s="13">
        <v>821</v>
      </c>
      <c r="B823" s="10" t="s">
        <v>434</v>
      </c>
      <c r="C823" s="12" t="s">
        <v>408</v>
      </c>
    </row>
    <row r="824" spans="1:3" ht="36">
      <c r="A824" s="13">
        <v>822</v>
      </c>
      <c r="B824" s="10" t="s">
        <v>435</v>
      </c>
      <c r="C824" s="12" t="s">
        <v>408</v>
      </c>
    </row>
    <row r="825" spans="1:3" ht="36">
      <c r="A825" s="10">
        <v>823</v>
      </c>
      <c r="B825" s="10" t="s">
        <v>436</v>
      </c>
      <c r="C825" s="12" t="s">
        <v>408</v>
      </c>
    </row>
    <row r="826" spans="1:3" ht="36">
      <c r="A826" s="13">
        <v>824</v>
      </c>
      <c r="B826" s="20" t="s">
        <v>437</v>
      </c>
      <c r="C826" s="12" t="s">
        <v>408</v>
      </c>
    </row>
    <row r="827" spans="1:3" ht="36">
      <c r="A827" s="13">
        <v>825</v>
      </c>
      <c r="B827" s="10" t="s">
        <v>438</v>
      </c>
      <c r="C827" s="12" t="s">
        <v>408</v>
      </c>
    </row>
    <row r="828" spans="1:3" ht="36">
      <c r="A828" s="13">
        <v>826</v>
      </c>
      <c r="B828" s="20" t="s">
        <v>439</v>
      </c>
      <c r="C828" s="12" t="s">
        <v>408</v>
      </c>
    </row>
    <row r="829" spans="1:3" ht="36">
      <c r="A829" s="10">
        <v>827</v>
      </c>
      <c r="B829" s="10" t="s">
        <v>440</v>
      </c>
      <c r="C829" s="12" t="s">
        <v>408</v>
      </c>
    </row>
    <row r="830" spans="1:3" ht="36">
      <c r="A830" s="13">
        <v>828</v>
      </c>
      <c r="B830" s="10" t="s">
        <v>441</v>
      </c>
      <c r="C830" s="12" t="s">
        <v>408</v>
      </c>
    </row>
    <row r="831" spans="1:3" ht="36">
      <c r="A831" s="13">
        <v>829</v>
      </c>
      <c r="B831" s="20" t="s">
        <v>442</v>
      </c>
      <c r="C831" s="12" t="s">
        <v>408</v>
      </c>
    </row>
    <row r="832" spans="1:3" ht="36">
      <c r="A832" s="13">
        <v>830</v>
      </c>
      <c r="B832" s="11" t="s">
        <v>443</v>
      </c>
      <c r="C832" s="12" t="s">
        <v>408</v>
      </c>
    </row>
    <row r="833" spans="1:3" ht="36">
      <c r="A833" s="10">
        <v>831</v>
      </c>
      <c r="B833" s="11" t="s">
        <v>444</v>
      </c>
      <c r="C833" s="12" t="s">
        <v>408</v>
      </c>
    </row>
    <row r="834" spans="1:3" ht="36">
      <c r="A834" s="13">
        <v>832</v>
      </c>
      <c r="B834" s="11" t="s">
        <v>445</v>
      </c>
      <c r="C834" s="12" t="s">
        <v>408</v>
      </c>
    </row>
    <row r="835" spans="1:3" ht="36">
      <c r="A835" s="13">
        <v>833</v>
      </c>
      <c r="B835" s="11" t="s">
        <v>446</v>
      </c>
      <c r="C835" s="12" t="s">
        <v>408</v>
      </c>
    </row>
    <row r="836" spans="1:3" ht="36">
      <c r="A836" s="13">
        <v>834</v>
      </c>
      <c r="B836" s="11" t="s">
        <v>447</v>
      </c>
      <c r="C836" s="12" t="s">
        <v>408</v>
      </c>
    </row>
    <row r="837" spans="1:3" ht="36">
      <c r="A837" s="10">
        <v>835</v>
      </c>
      <c r="B837" s="11" t="s">
        <v>448</v>
      </c>
      <c r="C837" s="12" t="s">
        <v>408</v>
      </c>
    </row>
    <row r="838" spans="1:3" ht="36">
      <c r="A838" s="13">
        <v>836</v>
      </c>
      <c r="B838" s="11" t="s">
        <v>246</v>
      </c>
      <c r="C838" s="12" t="s">
        <v>408</v>
      </c>
    </row>
    <row r="839" spans="1:3" ht="36">
      <c r="A839" s="13">
        <v>837</v>
      </c>
      <c r="B839" s="11" t="s">
        <v>246</v>
      </c>
      <c r="C839" s="12" t="s">
        <v>408</v>
      </c>
    </row>
    <row r="840" spans="1:3" ht="36">
      <c r="A840" s="13">
        <v>838</v>
      </c>
      <c r="B840" s="11" t="s">
        <v>246</v>
      </c>
      <c r="C840" s="12" t="s">
        <v>408</v>
      </c>
    </row>
    <row r="841" spans="1:3" ht="36">
      <c r="A841" s="10">
        <v>839</v>
      </c>
      <c r="B841" s="11" t="s">
        <v>449</v>
      </c>
      <c r="C841" s="12" t="s">
        <v>408</v>
      </c>
    </row>
    <row r="842" spans="1:3" ht="36">
      <c r="A842" s="13">
        <v>840</v>
      </c>
      <c r="B842" s="11" t="s">
        <v>450</v>
      </c>
      <c r="C842" s="12" t="s">
        <v>408</v>
      </c>
    </row>
    <row r="843" spans="1:3" ht="36">
      <c r="A843" s="13">
        <v>841</v>
      </c>
      <c r="B843" s="11" t="s">
        <v>451</v>
      </c>
      <c r="C843" s="12" t="s">
        <v>408</v>
      </c>
    </row>
    <row r="844" spans="1:3" ht="36">
      <c r="A844" s="13">
        <v>842</v>
      </c>
      <c r="B844" s="11" t="s">
        <v>452</v>
      </c>
      <c r="C844" s="12" t="s">
        <v>408</v>
      </c>
    </row>
    <row r="845" spans="1:3" ht="36">
      <c r="A845" s="10">
        <v>843</v>
      </c>
      <c r="B845" s="11" t="s">
        <v>453</v>
      </c>
      <c r="C845" s="12" t="s">
        <v>408</v>
      </c>
    </row>
    <row r="846" spans="1:3" ht="36">
      <c r="A846" s="13">
        <v>844</v>
      </c>
      <c r="B846" s="11" t="s">
        <v>454</v>
      </c>
      <c r="C846" s="12" t="s">
        <v>408</v>
      </c>
    </row>
    <row r="847" spans="1:3" ht="36">
      <c r="A847" s="13">
        <v>845</v>
      </c>
      <c r="B847" s="11" t="s">
        <v>455</v>
      </c>
      <c r="C847" s="12" t="s">
        <v>408</v>
      </c>
    </row>
    <row r="848" spans="1:3" ht="36">
      <c r="A848" s="13">
        <v>846</v>
      </c>
      <c r="B848" s="11" t="s">
        <v>456</v>
      </c>
      <c r="C848" s="12" t="s">
        <v>408</v>
      </c>
    </row>
    <row r="849" spans="1:3" ht="36">
      <c r="A849" s="10">
        <v>847</v>
      </c>
      <c r="B849" s="11" t="s">
        <v>457</v>
      </c>
      <c r="C849" s="12" t="s">
        <v>408</v>
      </c>
    </row>
    <row r="850" spans="1:3" ht="36">
      <c r="A850" s="13">
        <v>848</v>
      </c>
      <c r="B850" s="11" t="s">
        <v>458</v>
      </c>
      <c r="C850" s="12" t="s">
        <v>408</v>
      </c>
    </row>
    <row r="851" spans="1:3" ht="36">
      <c r="A851" s="13">
        <v>849</v>
      </c>
      <c r="B851" s="11" t="s">
        <v>459</v>
      </c>
      <c r="C851" s="12" t="s">
        <v>408</v>
      </c>
    </row>
    <row r="852" spans="1:3" ht="36">
      <c r="A852" s="13">
        <v>850</v>
      </c>
      <c r="B852" s="11" t="s">
        <v>460</v>
      </c>
      <c r="C852" s="12" t="s">
        <v>408</v>
      </c>
    </row>
    <row r="853" spans="1:3" ht="36">
      <c r="A853" s="10">
        <v>851</v>
      </c>
      <c r="B853" s="11" t="s">
        <v>461</v>
      </c>
      <c r="C853" s="12" t="s">
        <v>408</v>
      </c>
    </row>
    <row r="854" spans="1:3" ht="36">
      <c r="A854" s="13">
        <v>852</v>
      </c>
      <c r="B854" s="11" t="s">
        <v>462</v>
      </c>
      <c r="C854" s="12" t="s">
        <v>408</v>
      </c>
    </row>
    <row r="855" spans="1:3" ht="36">
      <c r="A855" s="13">
        <v>853</v>
      </c>
      <c r="B855" s="11" t="s">
        <v>463</v>
      </c>
      <c r="C855" s="12" t="s">
        <v>408</v>
      </c>
    </row>
    <row r="856" spans="1:3" ht="36">
      <c r="A856" s="13">
        <v>854</v>
      </c>
      <c r="B856" s="11" t="s">
        <v>464</v>
      </c>
      <c r="C856" s="12" t="s">
        <v>408</v>
      </c>
    </row>
    <row r="857" spans="1:3" ht="36">
      <c r="A857" s="10">
        <v>855</v>
      </c>
      <c r="B857" s="11" t="s">
        <v>465</v>
      </c>
      <c r="C857" s="12" t="s">
        <v>408</v>
      </c>
    </row>
    <row r="858" spans="1:3" ht="36">
      <c r="A858" s="13">
        <v>856</v>
      </c>
      <c r="B858" s="11" t="s">
        <v>466</v>
      </c>
      <c r="C858" s="12" t="s">
        <v>408</v>
      </c>
    </row>
    <row r="859" spans="1:3" ht="36">
      <c r="A859" s="13">
        <v>857</v>
      </c>
      <c r="B859" s="11" t="s">
        <v>467</v>
      </c>
      <c r="C859" s="12" t="s">
        <v>408</v>
      </c>
    </row>
    <row r="860" spans="1:3" ht="36">
      <c r="A860" s="13">
        <v>858</v>
      </c>
      <c r="B860" s="11" t="s">
        <v>94</v>
      </c>
      <c r="C860" s="12" t="s">
        <v>408</v>
      </c>
    </row>
    <row r="861" spans="1:3" ht="36">
      <c r="A861" s="10">
        <v>859</v>
      </c>
      <c r="B861" s="11" t="s">
        <v>468</v>
      </c>
      <c r="C861" s="12" t="s">
        <v>408</v>
      </c>
    </row>
    <row r="862" spans="1:3" ht="36">
      <c r="A862" s="13">
        <v>860</v>
      </c>
      <c r="B862" s="11" t="s">
        <v>469</v>
      </c>
      <c r="C862" s="12" t="s">
        <v>408</v>
      </c>
    </row>
    <row r="863" spans="1:3" ht="36">
      <c r="A863" s="13">
        <v>861</v>
      </c>
      <c r="B863" s="11" t="s">
        <v>470</v>
      </c>
      <c r="C863" s="12" t="s">
        <v>408</v>
      </c>
    </row>
    <row r="864" spans="1:3" ht="36">
      <c r="A864" s="13">
        <v>862</v>
      </c>
      <c r="B864" s="11" t="s">
        <v>471</v>
      </c>
      <c r="C864" s="12" t="s">
        <v>408</v>
      </c>
    </row>
    <row r="865" spans="1:3" ht="36">
      <c r="A865" s="10">
        <v>863</v>
      </c>
      <c r="B865" s="24" t="s">
        <v>472</v>
      </c>
      <c r="C865" s="12" t="s">
        <v>408</v>
      </c>
    </row>
    <row r="866" spans="1:3" ht="36">
      <c r="A866" s="13">
        <v>864</v>
      </c>
      <c r="B866" s="10" t="s">
        <v>473</v>
      </c>
      <c r="C866" s="12" t="s">
        <v>408</v>
      </c>
    </row>
    <row r="867" spans="1:3" ht="36">
      <c r="A867" s="13">
        <v>865</v>
      </c>
      <c r="B867" s="10" t="s">
        <v>474</v>
      </c>
      <c r="C867" s="12" t="s">
        <v>408</v>
      </c>
    </row>
    <row r="868" spans="1:3" ht="36">
      <c r="A868" s="13">
        <v>866</v>
      </c>
      <c r="B868" s="17" t="s">
        <v>475</v>
      </c>
      <c r="C868" s="12" t="s">
        <v>408</v>
      </c>
    </row>
    <row r="869" spans="1:3" ht="36">
      <c r="A869" s="10">
        <v>867</v>
      </c>
      <c r="B869" s="17" t="s">
        <v>476</v>
      </c>
      <c r="C869" s="12" t="s">
        <v>408</v>
      </c>
    </row>
    <row r="870" spans="1:3" ht="36">
      <c r="A870" s="13">
        <v>868</v>
      </c>
      <c r="B870" s="25" t="s">
        <v>477</v>
      </c>
      <c r="C870" s="12" t="s">
        <v>408</v>
      </c>
    </row>
    <row r="871" spans="1:3" ht="36">
      <c r="A871" s="13">
        <v>869</v>
      </c>
      <c r="B871" s="10" t="s">
        <v>478</v>
      </c>
      <c r="C871" s="12" t="s">
        <v>408</v>
      </c>
    </row>
    <row r="872" spans="1:3" ht="36">
      <c r="A872" s="13">
        <v>870</v>
      </c>
      <c r="B872" s="10" t="s">
        <v>479</v>
      </c>
      <c r="C872" s="12" t="s">
        <v>408</v>
      </c>
    </row>
    <row r="873" spans="1:3" ht="36">
      <c r="A873" s="10">
        <v>871</v>
      </c>
      <c r="B873" s="10" t="s">
        <v>480</v>
      </c>
      <c r="C873" s="12" t="s">
        <v>408</v>
      </c>
    </row>
    <row r="874" spans="1:3" ht="36">
      <c r="A874" s="13">
        <v>872</v>
      </c>
      <c r="B874" s="10" t="s">
        <v>115</v>
      </c>
      <c r="C874" s="12" t="s">
        <v>408</v>
      </c>
    </row>
    <row r="875" spans="1:3" ht="36">
      <c r="A875" s="13">
        <v>873</v>
      </c>
      <c r="B875" s="19" t="s">
        <v>481</v>
      </c>
      <c r="C875" s="12" t="s">
        <v>408</v>
      </c>
    </row>
    <row r="876" spans="1:3" ht="36">
      <c r="A876" s="13">
        <v>874</v>
      </c>
      <c r="B876" s="11" t="s">
        <v>482</v>
      </c>
      <c r="C876" s="12" t="s">
        <v>408</v>
      </c>
    </row>
    <row r="877" spans="1:3" ht="36">
      <c r="A877" s="10">
        <v>875</v>
      </c>
      <c r="B877" s="11" t="s">
        <v>483</v>
      </c>
      <c r="C877" s="12" t="s">
        <v>408</v>
      </c>
    </row>
    <row r="878" spans="1:3" ht="36">
      <c r="A878" s="13">
        <v>876</v>
      </c>
      <c r="B878" s="11" t="s">
        <v>484</v>
      </c>
      <c r="C878" s="12" t="s">
        <v>408</v>
      </c>
    </row>
    <row r="879" spans="1:3" ht="36">
      <c r="A879" s="13">
        <v>877</v>
      </c>
      <c r="B879" s="10" t="s">
        <v>485</v>
      </c>
      <c r="C879" s="12" t="s">
        <v>408</v>
      </c>
    </row>
    <row r="880" spans="1:3" ht="24">
      <c r="A880" s="13">
        <v>878</v>
      </c>
      <c r="B880" s="10" t="s">
        <v>486</v>
      </c>
      <c r="C880" s="12" t="s">
        <v>487</v>
      </c>
    </row>
    <row r="881" spans="1:3" ht="24">
      <c r="A881" s="10">
        <v>879</v>
      </c>
      <c r="B881" s="10" t="s">
        <v>488</v>
      </c>
      <c r="C881" s="12" t="s">
        <v>487</v>
      </c>
    </row>
    <row r="882" spans="1:3" ht="24">
      <c r="A882" s="13">
        <v>880</v>
      </c>
      <c r="B882" s="10" t="s">
        <v>488</v>
      </c>
      <c r="C882" s="12" t="s">
        <v>487</v>
      </c>
    </row>
    <row r="883" spans="1:3" ht="24">
      <c r="A883" s="13">
        <v>881</v>
      </c>
      <c r="B883" s="10" t="s">
        <v>488</v>
      </c>
      <c r="C883" s="12" t="s">
        <v>487</v>
      </c>
    </row>
    <row r="884" spans="1:3" ht="24">
      <c r="A884" s="13">
        <v>882</v>
      </c>
      <c r="B884" s="10" t="s">
        <v>433</v>
      </c>
      <c r="C884" s="12" t="s">
        <v>487</v>
      </c>
    </row>
    <row r="885" spans="1:3" ht="24">
      <c r="A885" s="10">
        <v>883</v>
      </c>
      <c r="B885" s="10" t="s">
        <v>489</v>
      </c>
      <c r="C885" s="12" t="s">
        <v>487</v>
      </c>
    </row>
    <row r="886" spans="1:3" ht="24">
      <c r="A886" s="13">
        <v>884</v>
      </c>
      <c r="B886" s="10" t="s">
        <v>20</v>
      </c>
      <c r="C886" s="12" t="s">
        <v>487</v>
      </c>
    </row>
    <row r="887" spans="1:3" ht="24">
      <c r="A887" s="13">
        <v>885</v>
      </c>
      <c r="B887" s="10" t="s">
        <v>20</v>
      </c>
      <c r="C887" s="12" t="s">
        <v>487</v>
      </c>
    </row>
    <row r="888" spans="1:3" ht="24">
      <c r="A888" s="13">
        <v>886</v>
      </c>
      <c r="B888" s="10" t="s">
        <v>20</v>
      </c>
      <c r="C888" s="12" t="s">
        <v>487</v>
      </c>
    </row>
    <row r="889" spans="1:3" ht="24">
      <c r="A889" s="10">
        <v>887</v>
      </c>
      <c r="B889" s="10" t="s">
        <v>20</v>
      </c>
      <c r="C889" s="12" t="s">
        <v>487</v>
      </c>
    </row>
    <row r="890" spans="1:3" ht="24">
      <c r="A890" s="13">
        <v>888</v>
      </c>
      <c r="B890" s="10" t="s">
        <v>20</v>
      </c>
      <c r="C890" s="12" t="s">
        <v>487</v>
      </c>
    </row>
    <row r="891" spans="1:3" ht="24">
      <c r="A891" s="13">
        <v>889</v>
      </c>
      <c r="B891" s="10" t="s">
        <v>12</v>
      </c>
      <c r="C891" s="12" t="s">
        <v>487</v>
      </c>
    </row>
    <row r="892" spans="1:3" ht="24">
      <c r="A892" s="13">
        <v>890</v>
      </c>
      <c r="B892" s="10" t="s">
        <v>421</v>
      </c>
      <c r="C892" s="12" t="s">
        <v>487</v>
      </c>
    </row>
    <row r="893" spans="1:3" ht="24">
      <c r="A893" s="10">
        <v>891</v>
      </c>
      <c r="B893" s="10" t="s">
        <v>490</v>
      </c>
      <c r="C893" s="12" t="s">
        <v>487</v>
      </c>
    </row>
    <row r="894" spans="1:3" ht="24">
      <c r="A894" s="13">
        <v>892</v>
      </c>
      <c r="B894" s="10" t="s">
        <v>491</v>
      </c>
      <c r="C894" s="12" t="s">
        <v>487</v>
      </c>
    </row>
    <row r="895" spans="1:3" ht="24">
      <c r="A895" s="13">
        <v>893</v>
      </c>
      <c r="B895" s="10" t="s">
        <v>20</v>
      </c>
      <c r="C895" s="12" t="s">
        <v>487</v>
      </c>
    </row>
    <row r="896" spans="1:3" ht="24">
      <c r="A896" s="13">
        <v>894</v>
      </c>
      <c r="B896" s="10" t="s">
        <v>492</v>
      </c>
      <c r="C896" s="12" t="s">
        <v>487</v>
      </c>
    </row>
    <row r="897" spans="1:3" ht="24">
      <c r="A897" s="10">
        <v>895</v>
      </c>
      <c r="B897" s="10" t="s">
        <v>493</v>
      </c>
      <c r="C897" s="12" t="s">
        <v>487</v>
      </c>
    </row>
    <row r="898" spans="1:3" ht="24">
      <c r="A898" s="13">
        <v>896</v>
      </c>
      <c r="B898" s="10" t="s">
        <v>494</v>
      </c>
      <c r="C898" s="12" t="s">
        <v>487</v>
      </c>
    </row>
    <row r="899" spans="1:3" ht="24">
      <c r="A899" s="13">
        <v>897</v>
      </c>
      <c r="B899" s="10" t="s">
        <v>494</v>
      </c>
      <c r="C899" s="12" t="s">
        <v>487</v>
      </c>
    </row>
    <row r="900" spans="1:3" ht="24">
      <c r="A900" s="13">
        <v>898</v>
      </c>
      <c r="B900" s="10" t="s">
        <v>494</v>
      </c>
      <c r="C900" s="12" t="s">
        <v>487</v>
      </c>
    </row>
    <row r="901" spans="1:3" ht="24">
      <c r="A901" s="10">
        <v>899</v>
      </c>
      <c r="B901" s="10" t="s">
        <v>494</v>
      </c>
      <c r="C901" s="12" t="s">
        <v>487</v>
      </c>
    </row>
    <row r="902" spans="1:3" ht="24">
      <c r="A902" s="13">
        <v>900</v>
      </c>
      <c r="B902" s="10" t="s">
        <v>494</v>
      </c>
      <c r="C902" s="12" t="s">
        <v>487</v>
      </c>
    </row>
    <row r="903" spans="1:3" ht="24">
      <c r="A903" s="13">
        <v>901</v>
      </c>
      <c r="B903" s="10" t="s">
        <v>495</v>
      </c>
      <c r="C903" s="12" t="s">
        <v>487</v>
      </c>
    </row>
    <row r="904" spans="1:3" ht="24">
      <c r="A904" s="13">
        <v>902</v>
      </c>
      <c r="B904" s="10" t="s">
        <v>496</v>
      </c>
      <c r="C904" s="12" t="s">
        <v>487</v>
      </c>
    </row>
    <row r="905" spans="1:3" ht="24">
      <c r="A905" s="10">
        <v>903</v>
      </c>
      <c r="B905" s="10" t="s">
        <v>496</v>
      </c>
      <c r="C905" s="12" t="s">
        <v>487</v>
      </c>
    </row>
    <row r="906" spans="1:3" ht="24">
      <c r="A906" s="13">
        <v>904</v>
      </c>
      <c r="B906" s="10" t="s">
        <v>497</v>
      </c>
      <c r="C906" s="12" t="s">
        <v>487</v>
      </c>
    </row>
    <row r="907" spans="1:3" ht="24">
      <c r="A907" s="13">
        <v>905</v>
      </c>
      <c r="B907" s="10" t="s">
        <v>498</v>
      </c>
      <c r="C907" s="12" t="s">
        <v>487</v>
      </c>
    </row>
    <row r="908" spans="1:3" ht="24">
      <c r="A908" s="13">
        <v>906</v>
      </c>
      <c r="B908" s="10" t="s">
        <v>499</v>
      </c>
      <c r="C908" s="12" t="s">
        <v>487</v>
      </c>
    </row>
    <row r="909" spans="1:3" ht="24">
      <c r="A909" s="10">
        <v>907</v>
      </c>
      <c r="B909" s="10" t="s">
        <v>500</v>
      </c>
      <c r="C909" s="12" t="s">
        <v>487</v>
      </c>
    </row>
    <row r="910" spans="1:3" ht="24">
      <c r="A910" s="13">
        <v>908</v>
      </c>
      <c r="B910" s="10" t="s">
        <v>498</v>
      </c>
      <c r="C910" s="12" t="s">
        <v>487</v>
      </c>
    </row>
    <row r="911" spans="1:3" ht="24">
      <c r="A911" s="13">
        <v>909</v>
      </c>
      <c r="B911" s="10" t="s">
        <v>501</v>
      </c>
      <c r="C911" s="12" t="s">
        <v>487</v>
      </c>
    </row>
    <row r="912" spans="1:3" ht="31.5">
      <c r="A912" s="13">
        <v>910</v>
      </c>
      <c r="B912" s="10" t="s">
        <v>502</v>
      </c>
      <c r="C912" s="12" t="s">
        <v>487</v>
      </c>
    </row>
    <row r="913" spans="1:3" ht="24">
      <c r="A913" s="10">
        <v>911</v>
      </c>
      <c r="B913" s="10" t="s">
        <v>82</v>
      </c>
      <c r="C913" s="12" t="s">
        <v>487</v>
      </c>
    </row>
    <row r="914" spans="1:3" ht="24">
      <c r="A914" s="13">
        <v>912</v>
      </c>
      <c r="B914" s="10" t="s">
        <v>503</v>
      </c>
      <c r="C914" s="12" t="s">
        <v>487</v>
      </c>
    </row>
    <row r="915" spans="1:3" ht="24">
      <c r="A915" s="13">
        <v>913</v>
      </c>
      <c r="B915" s="18" t="s">
        <v>504</v>
      </c>
      <c r="C915" s="12" t="s">
        <v>487</v>
      </c>
    </row>
    <row r="916" spans="1:3" ht="24">
      <c r="A916" s="13">
        <v>914</v>
      </c>
      <c r="B916" s="17" t="s">
        <v>505</v>
      </c>
      <c r="C916" s="12" t="s">
        <v>487</v>
      </c>
    </row>
    <row r="917" spans="1:3" ht="24">
      <c r="A917" s="10">
        <v>915</v>
      </c>
      <c r="B917" s="18" t="s">
        <v>506</v>
      </c>
      <c r="C917" s="12" t="s">
        <v>487</v>
      </c>
    </row>
    <row r="918" spans="1:3" ht="24">
      <c r="A918" s="13">
        <v>916</v>
      </c>
      <c r="B918" s="17" t="s">
        <v>507</v>
      </c>
      <c r="C918" s="12" t="s">
        <v>487</v>
      </c>
    </row>
    <row r="919" spans="1:3" ht="31.5">
      <c r="A919" s="13">
        <v>917</v>
      </c>
      <c r="B919" s="18" t="s">
        <v>508</v>
      </c>
      <c r="C919" s="12" t="s">
        <v>487</v>
      </c>
    </row>
    <row r="920" spans="1:3" ht="24">
      <c r="A920" s="13">
        <v>918</v>
      </c>
      <c r="B920" s="15" t="s">
        <v>509</v>
      </c>
      <c r="C920" s="12" t="s">
        <v>487</v>
      </c>
    </row>
    <row r="921" spans="1:3" ht="24">
      <c r="A921" s="10">
        <v>919</v>
      </c>
      <c r="B921" s="10" t="s">
        <v>510</v>
      </c>
      <c r="C921" s="12" t="s">
        <v>487</v>
      </c>
    </row>
    <row r="922" spans="1:3" ht="24">
      <c r="A922" s="13">
        <v>920</v>
      </c>
      <c r="B922" s="10" t="s">
        <v>511</v>
      </c>
      <c r="C922" s="12" t="s">
        <v>487</v>
      </c>
    </row>
    <row r="923" spans="1:3" ht="76.5">
      <c r="A923" s="13">
        <v>921</v>
      </c>
      <c r="B923" s="28" t="s">
        <v>4371</v>
      </c>
      <c r="C923" s="12" t="s">
        <v>487</v>
      </c>
    </row>
    <row r="924" spans="1:3" ht="24">
      <c r="A924" s="13">
        <v>922</v>
      </c>
      <c r="B924" s="10" t="s">
        <v>512</v>
      </c>
      <c r="C924" s="12" t="s">
        <v>487</v>
      </c>
    </row>
    <row r="925" spans="1:3" ht="24">
      <c r="A925" s="10">
        <v>923</v>
      </c>
      <c r="B925" s="10" t="s">
        <v>512</v>
      </c>
      <c r="C925" s="12" t="s">
        <v>487</v>
      </c>
    </row>
    <row r="926" spans="1:3" ht="24">
      <c r="A926" s="13">
        <v>924</v>
      </c>
      <c r="B926" s="10" t="s">
        <v>512</v>
      </c>
      <c r="C926" s="12" t="s">
        <v>487</v>
      </c>
    </row>
    <row r="927" spans="1:3" ht="24">
      <c r="A927" s="13">
        <v>925</v>
      </c>
      <c r="B927" s="10" t="s">
        <v>512</v>
      </c>
      <c r="C927" s="12" t="s">
        <v>487</v>
      </c>
    </row>
    <row r="928" spans="1:3" ht="24">
      <c r="A928" s="13">
        <v>926</v>
      </c>
      <c r="B928" s="10" t="s">
        <v>512</v>
      </c>
      <c r="C928" s="12" t="s">
        <v>487</v>
      </c>
    </row>
    <row r="929" spans="1:3" ht="24">
      <c r="A929" s="10">
        <v>927</v>
      </c>
      <c r="B929" s="10" t="s">
        <v>512</v>
      </c>
      <c r="C929" s="12" t="s">
        <v>487</v>
      </c>
    </row>
    <row r="930" spans="1:3" ht="24">
      <c r="A930" s="13">
        <v>928</v>
      </c>
      <c r="B930" s="10" t="s">
        <v>513</v>
      </c>
      <c r="C930" s="12" t="s">
        <v>487</v>
      </c>
    </row>
    <row r="931" spans="1:3" ht="24">
      <c r="A931" s="13">
        <v>929</v>
      </c>
      <c r="B931" s="10" t="s">
        <v>514</v>
      </c>
      <c r="C931" s="12" t="s">
        <v>487</v>
      </c>
    </row>
    <row r="932" spans="1:3" ht="24">
      <c r="A932" s="13">
        <v>930</v>
      </c>
      <c r="B932" s="10" t="s">
        <v>515</v>
      </c>
      <c r="C932" s="12" t="s">
        <v>487</v>
      </c>
    </row>
    <row r="933" spans="1:3" ht="24">
      <c r="A933" s="10">
        <v>931</v>
      </c>
      <c r="B933" s="10" t="s">
        <v>515</v>
      </c>
      <c r="C933" s="12" t="s">
        <v>487</v>
      </c>
    </row>
    <row r="934" spans="1:3" ht="24">
      <c r="A934" s="13">
        <v>932</v>
      </c>
      <c r="B934" s="10" t="s">
        <v>515</v>
      </c>
      <c r="C934" s="12" t="s">
        <v>487</v>
      </c>
    </row>
    <row r="935" spans="1:3" ht="24">
      <c r="A935" s="13">
        <v>933</v>
      </c>
      <c r="B935" s="10" t="s">
        <v>515</v>
      </c>
      <c r="C935" s="12" t="s">
        <v>487</v>
      </c>
    </row>
    <row r="936" spans="1:3" ht="24">
      <c r="A936" s="13">
        <v>934</v>
      </c>
      <c r="B936" s="10" t="s">
        <v>516</v>
      </c>
      <c r="C936" s="12" t="s">
        <v>487</v>
      </c>
    </row>
    <row r="937" spans="1:3" ht="24">
      <c r="A937" s="10">
        <v>935</v>
      </c>
      <c r="B937" s="10" t="s">
        <v>516</v>
      </c>
      <c r="C937" s="12" t="s">
        <v>487</v>
      </c>
    </row>
    <row r="938" spans="1:3" ht="24">
      <c r="A938" s="13">
        <v>936</v>
      </c>
      <c r="B938" s="10" t="s">
        <v>517</v>
      </c>
      <c r="C938" s="12" t="s">
        <v>487</v>
      </c>
    </row>
    <row r="939" spans="1:3" ht="24">
      <c r="A939" s="13">
        <v>937</v>
      </c>
      <c r="B939" s="10" t="s">
        <v>518</v>
      </c>
      <c r="C939" s="12" t="s">
        <v>487</v>
      </c>
    </row>
    <row r="940" spans="1:3" ht="24">
      <c r="A940" s="13">
        <v>938</v>
      </c>
      <c r="B940" s="10" t="s">
        <v>518</v>
      </c>
      <c r="C940" s="12" t="s">
        <v>487</v>
      </c>
    </row>
    <row r="941" spans="1:3" ht="24">
      <c r="A941" s="10">
        <v>939</v>
      </c>
      <c r="B941" s="10" t="s">
        <v>519</v>
      </c>
      <c r="C941" s="12" t="s">
        <v>487</v>
      </c>
    </row>
    <row r="942" spans="1:3" ht="24">
      <c r="A942" s="13">
        <v>940</v>
      </c>
      <c r="B942" s="10" t="s">
        <v>520</v>
      </c>
      <c r="C942" s="12" t="s">
        <v>487</v>
      </c>
    </row>
    <row r="943" spans="1:3" ht="24">
      <c r="A943" s="13">
        <v>941</v>
      </c>
      <c r="B943" s="10" t="s">
        <v>520</v>
      </c>
      <c r="C943" s="12" t="s">
        <v>487</v>
      </c>
    </row>
    <row r="944" spans="1:3" ht="24">
      <c r="A944" s="13">
        <v>942</v>
      </c>
      <c r="B944" s="10" t="s">
        <v>521</v>
      </c>
      <c r="C944" s="12" t="s">
        <v>487</v>
      </c>
    </row>
    <row r="945" spans="1:3" ht="24">
      <c r="A945" s="10">
        <v>943</v>
      </c>
      <c r="B945" s="10" t="s">
        <v>522</v>
      </c>
      <c r="C945" s="12" t="s">
        <v>487</v>
      </c>
    </row>
    <row r="946" spans="1:3" ht="24">
      <c r="A946" s="13">
        <v>944</v>
      </c>
      <c r="B946" s="10" t="s">
        <v>523</v>
      </c>
      <c r="C946" s="12" t="s">
        <v>487</v>
      </c>
    </row>
    <row r="947" spans="1:3" ht="24">
      <c r="A947" s="13">
        <v>945</v>
      </c>
      <c r="B947" s="10" t="s">
        <v>524</v>
      </c>
      <c r="C947" s="12" t="s">
        <v>487</v>
      </c>
    </row>
    <row r="948" spans="1:3" ht="24">
      <c r="A948" s="13">
        <v>946</v>
      </c>
      <c r="B948" s="10" t="s">
        <v>525</v>
      </c>
      <c r="C948" s="12" t="s">
        <v>487</v>
      </c>
    </row>
    <row r="949" spans="1:3" ht="24">
      <c r="A949" s="10">
        <v>947</v>
      </c>
      <c r="B949" s="10" t="s">
        <v>526</v>
      </c>
      <c r="C949" s="12" t="s">
        <v>487</v>
      </c>
    </row>
    <row r="950" spans="1:3" ht="24">
      <c r="A950" s="13">
        <v>948</v>
      </c>
      <c r="B950" s="10" t="s">
        <v>527</v>
      </c>
      <c r="C950" s="12" t="s">
        <v>487</v>
      </c>
    </row>
    <row r="951" spans="1:3" ht="24">
      <c r="A951" s="13">
        <v>949</v>
      </c>
      <c r="B951" s="10" t="s">
        <v>528</v>
      </c>
      <c r="C951" s="12" t="s">
        <v>487</v>
      </c>
    </row>
    <row r="952" spans="1:3" ht="24">
      <c r="A952" s="13">
        <v>950</v>
      </c>
      <c r="B952" s="10" t="s">
        <v>529</v>
      </c>
      <c r="C952" s="12" t="s">
        <v>487</v>
      </c>
    </row>
    <row r="953" spans="1:3" ht="24">
      <c r="A953" s="10">
        <v>951</v>
      </c>
      <c r="B953" s="10" t="s">
        <v>530</v>
      </c>
      <c r="C953" s="12" t="s">
        <v>487</v>
      </c>
    </row>
    <row r="954" spans="1:3" ht="24">
      <c r="A954" s="13">
        <v>952</v>
      </c>
      <c r="B954" s="10" t="s">
        <v>531</v>
      </c>
      <c r="C954" s="12" t="s">
        <v>487</v>
      </c>
    </row>
    <row r="955" spans="1:3" ht="24">
      <c r="A955" s="13">
        <v>953</v>
      </c>
      <c r="B955" s="25" t="s">
        <v>532</v>
      </c>
      <c r="C955" s="12" t="s">
        <v>487</v>
      </c>
    </row>
    <row r="956" spans="1:3" ht="24">
      <c r="A956" s="13">
        <v>954</v>
      </c>
      <c r="B956" s="10" t="s">
        <v>533</v>
      </c>
      <c r="C956" s="12" t="s">
        <v>487</v>
      </c>
    </row>
    <row r="957" spans="1:3" ht="24">
      <c r="A957" s="10">
        <v>955</v>
      </c>
      <c r="B957" s="10" t="s">
        <v>534</v>
      </c>
      <c r="C957" s="12" t="s">
        <v>487</v>
      </c>
    </row>
    <row r="958" spans="1:3" ht="24">
      <c r="A958" s="13">
        <v>956</v>
      </c>
      <c r="B958" s="15" t="s">
        <v>330</v>
      </c>
      <c r="C958" s="12" t="s">
        <v>487</v>
      </c>
    </row>
    <row r="959" spans="1:3" ht="24">
      <c r="A959" s="13">
        <v>957</v>
      </c>
      <c r="B959" s="10" t="s">
        <v>535</v>
      </c>
      <c r="C959" s="12" t="s">
        <v>487</v>
      </c>
    </row>
    <row r="960" spans="1:3" ht="24">
      <c r="A960" s="13">
        <v>958</v>
      </c>
      <c r="B960" s="10" t="s">
        <v>130</v>
      </c>
      <c r="C960" s="12" t="s">
        <v>487</v>
      </c>
    </row>
    <row r="961" spans="1:3" ht="24">
      <c r="A961" s="10">
        <v>959</v>
      </c>
      <c r="B961" s="10" t="s">
        <v>476</v>
      </c>
      <c r="C961" s="12" t="s">
        <v>487</v>
      </c>
    </row>
    <row r="962" spans="1:3" ht="24">
      <c r="A962" s="13">
        <v>960</v>
      </c>
      <c r="B962" s="31" t="s">
        <v>536</v>
      </c>
      <c r="C962" s="12" t="s">
        <v>487</v>
      </c>
    </row>
    <row r="963" spans="1:3" ht="24">
      <c r="A963" s="13">
        <v>961</v>
      </c>
      <c r="B963" s="10" t="s">
        <v>537</v>
      </c>
      <c r="C963" s="12" t="s">
        <v>487</v>
      </c>
    </row>
    <row r="964" spans="1:3" ht="24">
      <c r="A964" s="13">
        <v>962</v>
      </c>
      <c r="B964" s="10" t="s">
        <v>538</v>
      </c>
      <c r="C964" s="12" t="s">
        <v>487</v>
      </c>
    </row>
    <row r="965" spans="1:3" ht="24">
      <c r="A965" s="10">
        <v>963</v>
      </c>
      <c r="B965" s="10" t="s">
        <v>539</v>
      </c>
      <c r="C965" s="12" t="s">
        <v>487</v>
      </c>
    </row>
    <row r="966" spans="1:3" ht="24">
      <c r="A966" s="13">
        <v>964</v>
      </c>
      <c r="B966" s="10" t="s">
        <v>540</v>
      </c>
      <c r="C966" s="12" t="s">
        <v>487</v>
      </c>
    </row>
    <row r="967" spans="1:3" ht="24">
      <c r="A967" s="13">
        <v>965</v>
      </c>
      <c r="B967" s="10" t="s">
        <v>541</v>
      </c>
      <c r="C967" s="12" t="s">
        <v>487</v>
      </c>
    </row>
    <row r="968" spans="1:3" ht="24">
      <c r="A968" s="13">
        <v>966</v>
      </c>
      <c r="B968" s="17" t="s">
        <v>542</v>
      </c>
      <c r="C968" s="12" t="s">
        <v>487</v>
      </c>
    </row>
    <row r="969" spans="1:3" ht="24">
      <c r="A969" s="10">
        <v>967</v>
      </c>
      <c r="B969" s="10" t="s">
        <v>543</v>
      </c>
      <c r="C969" s="12" t="s">
        <v>487</v>
      </c>
    </row>
    <row r="970" spans="1:3" ht="24">
      <c r="A970" s="13">
        <v>968</v>
      </c>
      <c r="B970" s="10" t="s">
        <v>544</v>
      </c>
      <c r="C970" s="12" t="s">
        <v>545</v>
      </c>
    </row>
    <row r="971" spans="1:3" ht="24">
      <c r="A971" s="13">
        <v>969</v>
      </c>
      <c r="B971" s="10" t="s">
        <v>546</v>
      </c>
      <c r="C971" s="12" t="s">
        <v>545</v>
      </c>
    </row>
    <row r="972" spans="1:3" ht="24">
      <c r="A972" s="13">
        <v>970</v>
      </c>
      <c r="B972" s="10" t="s">
        <v>547</v>
      </c>
      <c r="C972" s="12" t="s">
        <v>545</v>
      </c>
    </row>
    <row r="973" spans="1:3" ht="24">
      <c r="A973" s="10">
        <v>971</v>
      </c>
      <c r="B973" s="10" t="s">
        <v>547</v>
      </c>
      <c r="C973" s="12" t="s">
        <v>545</v>
      </c>
    </row>
    <row r="974" spans="1:3" ht="24">
      <c r="A974" s="13">
        <v>972</v>
      </c>
      <c r="B974" s="10" t="s">
        <v>548</v>
      </c>
      <c r="C974" s="12" t="s">
        <v>545</v>
      </c>
    </row>
    <row r="975" spans="1:3" ht="24">
      <c r="A975" s="13">
        <v>973</v>
      </c>
      <c r="B975" s="10" t="s">
        <v>549</v>
      </c>
      <c r="C975" s="12" t="s">
        <v>545</v>
      </c>
    </row>
    <row r="976" spans="1:3" ht="24">
      <c r="A976" s="13">
        <v>974</v>
      </c>
      <c r="B976" s="10" t="s">
        <v>549</v>
      </c>
      <c r="C976" s="12" t="s">
        <v>545</v>
      </c>
    </row>
    <row r="977" spans="1:3" ht="24">
      <c r="A977" s="10">
        <v>975</v>
      </c>
      <c r="B977" s="10" t="s">
        <v>550</v>
      </c>
      <c r="C977" s="12" t="s">
        <v>545</v>
      </c>
    </row>
    <row r="978" spans="1:3" ht="24">
      <c r="A978" s="13">
        <v>976</v>
      </c>
      <c r="B978" s="10" t="s">
        <v>550</v>
      </c>
      <c r="C978" s="12" t="s">
        <v>545</v>
      </c>
    </row>
    <row r="979" spans="1:3" ht="24">
      <c r="A979" s="13">
        <v>977</v>
      </c>
      <c r="B979" s="10" t="s">
        <v>551</v>
      </c>
      <c r="C979" s="12" t="s">
        <v>545</v>
      </c>
    </row>
    <row r="980" spans="1:3" ht="24">
      <c r="A980" s="13">
        <v>978</v>
      </c>
      <c r="B980" s="10" t="s">
        <v>552</v>
      </c>
      <c r="C980" s="12" t="s">
        <v>545</v>
      </c>
    </row>
    <row r="981" spans="1:3" ht="24">
      <c r="A981" s="10">
        <v>979</v>
      </c>
      <c r="B981" s="10" t="s">
        <v>552</v>
      </c>
      <c r="C981" s="12" t="s">
        <v>545</v>
      </c>
    </row>
    <row r="982" spans="1:3" ht="24">
      <c r="A982" s="13">
        <v>980</v>
      </c>
      <c r="B982" s="10" t="s">
        <v>552</v>
      </c>
      <c r="C982" s="12" t="s">
        <v>545</v>
      </c>
    </row>
    <row r="983" spans="1:3" ht="24">
      <c r="A983" s="13">
        <v>981</v>
      </c>
      <c r="B983" s="10" t="s">
        <v>553</v>
      </c>
      <c r="C983" s="12" t="s">
        <v>545</v>
      </c>
    </row>
    <row r="984" spans="1:3" ht="24">
      <c r="A984" s="13">
        <v>982</v>
      </c>
      <c r="B984" s="10" t="s">
        <v>553</v>
      </c>
      <c r="C984" s="12" t="s">
        <v>545</v>
      </c>
    </row>
    <row r="985" spans="1:3" ht="24">
      <c r="A985" s="10">
        <v>983</v>
      </c>
      <c r="B985" s="10" t="s">
        <v>554</v>
      </c>
      <c r="C985" s="12" t="s">
        <v>545</v>
      </c>
    </row>
    <row r="986" spans="1:3" ht="24">
      <c r="A986" s="13">
        <v>984</v>
      </c>
      <c r="B986" s="10" t="s">
        <v>554</v>
      </c>
      <c r="C986" s="12" t="s">
        <v>545</v>
      </c>
    </row>
    <row r="987" spans="1:3" ht="24">
      <c r="A987" s="13">
        <v>985</v>
      </c>
      <c r="B987" s="10" t="s">
        <v>554</v>
      </c>
      <c r="C987" s="12" t="s">
        <v>545</v>
      </c>
    </row>
    <row r="988" spans="1:3" ht="24">
      <c r="A988" s="13">
        <v>986</v>
      </c>
      <c r="B988" s="10" t="s">
        <v>554</v>
      </c>
      <c r="C988" s="12" t="s">
        <v>545</v>
      </c>
    </row>
    <row r="989" spans="1:3" ht="24">
      <c r="A989" s="10">
        <v>987</v>
      </c>
      <c r="B989" s="10" t="s">
        <v>554</v>
      </c>
      <c r="C989" s="12" t="s">
        <v>545</v>
      </c>
    </row>
    <row r="990" spans="1:3" ht="24">
      <c r="A990" s="13">
        <v>988</v>
      </c>
      <c r="B990" s="10" t="s">
        <v>554</v>
      </c>
      <c r="C990" s="12" t="s">
        <v>545</v>
      </c>
    </row>
    <row r="991" spans="1:3" ht="24">
      <c r="A991" s="13">
        <v>989</v>
      </c>
      <c r="B991" s="10" t="s">
        <v>554</v>
      </c>
      <c r="C991" s="12" t="s">
        <v>545</v>
      </c>
    </row>
    <row r="992" spans="1:3" ht="24">
      <c r="A992" s="13">
        <v>990</v>
      </c>
      <c r="B992" s="10" t="s">
        <v>554</v>
      </c>
      <c r="C992" s="12" t="s">
        <v>545</v>
      </c>
    </row>
    <row r="993" spans="1:3" ht="24">
      <c r="A993" s="10">
        <v>991</v>
      </c>
      <c r="B993" s="10" t="s">
        <v>554</v>
      </c>
      <c r="C993" s="12" t="s">
        <v>545</v>
      </c>
    </row>
    <row r="994" spans="1:3" ht="24">
      <c r="A994" s="13">
        <v>992</v>
      </c>
      <c r="B994" s="10" t="s">
        <v>555</v>
      </c>
      <c r="C994" s="12" t="s">
        <v>545</v>
      </c>
    </row>
    <row r="995" spans="1:3" ht="24">
      <c r="A995" s="13">
        <v>993</v>
      </c>
      <c r="B995" s="10" t="s">
        <v>555</v>
      </c>
      <c r="C995" s="12" t="s">
        <v>545</v>
      </c>
    </row>
    <row r="996" spans="1:3" ht="24">
      <c r="A996" s="13">
        <v>994</v>
      </c>
      <c r="B996" s="10" t="s">
        <v>556</v>
      </c>
      <c r="C996" s="12" t="s">
        <v>545</v>
      </c>
    </row>
    <row r="997" spans="1:3" ht="24">
      <c r="A997" s="10">
        <v>995</v>
      </c>
      <c r="B997" s="10" t="s">
        <v>557</v>
      </c>
      <c r="C997" s="12" t="s">
        <v>545</v>
      </c>
    </row>
    <row r="998" spans="1:3" ht="24">
      <c r="A998" s="13">
        <v>996</v>
      </c>
      <c r="B998" s="10" t="s">
        <v>558</v>
      </c>
      <c r="C998" s="12" t="s">
        <v>545</v>
      </c>
    </row>
    <row r="999" spans="1:3" ht="24">
      <c r="A999" s="13">
        <v>997</v>
      </c>
      <c r="B999" s="10" t="s">
        <v>559</v>
      </c>
      <c r="C999" s="12" t="s">
        <v>545</v>
      </c>
    </row>
    <row r="1000" spans="1:3" ht="24">
      <c r="A1000" s="13">
        <v>998</v>
      </c>
      <c r="B1000" s="10" t="s">
        <v>559</v>
      </c>
      <c r="C1000" s="12" t="s">
        <v>545</v>
      </c>
    </row>
    <row r="1001" spans="1:3" ht="31.5">
      <c r="A1001" s="10">
        <v>999</v>
      </c>
      <c r="B1001" s="10" t="s">
        <v>560</v>
      </c>
      <c r="C1001" s="12" t="s">
        <v>545</v>
      </c>
    </row>
    <row r="1002" spans="1:3" ht="24">
      <c r="A1002" s="13">
        <v>1000</v>
      </c>
      <c r="B1002" s="10" t="s">
        <v>561</v>
      </c>
      <c r="C1002" s="12" t="s">
        <v>545</v>
      </c>
    </row>
    <row r="1003" spans="1:3" ht="24">
      <c r="A1003" s="13">
        <v>1001</v>
      </c>
      <c r="B1003" s="10" t="s">
        <v>562</v>
      </c>
      <c r="C1003" s="12" t="s">
        <v>545</v>
      </c>
    </row>
    <row r="1004" spans="1:3" ht="24">
      <c r="A1004" s="13">
        <v>1002</v>
      </c>
      <c r="B1004" s="10" t="s">
        <v>563</v>
      </c>
      <c r="C1004" s="12" t="s">
        <v>545</v>
      </c>
    </row>
    <row r="1005" spans="1:3" ht="24">
      <c r="A1005" s="10">
        <v>1003</v>
      </c>
      <c r="B1005" s="10" t="s">
        <v>564</v>
      </c>
      <c r="C1005" s="12" t="s">
        <v>545</v>
      </c>
    </row>
    <row r="1006" spans="1:3" ht="24">
      <c r="A1006" s="13">
        <v>1004</v>
      </c>
      <c r="B1006" s="10" t="s">
        <v>565</v>
      </c>
      <c r="C1006" s="12" t="s">
        <v>545</v>
      </c>
    </row>
    <row r="1007" spans="1:3" ht="24">
      <c r="A1007" s="13">
        <v>1005</v>
      </c>
      <c r="B1007" s="10" t="s">
        <v>566</v>
      </c>
      <c r="C1007" s="12" t="s">
        <v>545</v>
      </c>
    </row>
    <row r="1008" spans="1:3" ht="24">
      <c r="A1008" s="13">
        <v>1006</v>
      </c>
      <c r="B1008" s="10" t="s">
        <v>567</v>
      </c>
      <c r="C1008" s="12" t="s">
        <v>545</v>
      </c>
    </row>
    <row r="1009" spans="1:3" ht="24">
      <c r="A1009" s="10">
        <v>1007</v>
      </c>
      <c r="B1009" s="10" t="s">
        <v>568</v>
      </c>
      <c r="C1009" s="12" t="s">
        <v>545</v>
      </c>
    </row>
    <row r="1010" spans="1:3" ht="24">
      <c r="A1010" s="13">
        <v>1008</v>
      </c>
      <c r="B1010" s="10" t="s">
        <v>569</v>
      </c>
      <c r="C1010" s="12" t="s">
        <v>545</v>
      </c>
    </row>
    <row r="1011" spans="1:3" ht="24">
      <c r="A1011" s="13">
        <v>1009</v>
      </c>
      <c r="B1011" s="10" t="s">
        <v>570</v>
      </c>
      <c r="C1011" s="12" t="s">
        <v>545</v>
      </c>
    </row>
    <row r="1012" spans="1:3" ht="24">
      <c r="A1012" s="13">
        <v>1010</v>
      </c>
      <c r="B1012" s="10" t="s">
        <v>571</v>
      </c>
      <c r="C1012" s="12" t="s">
        <v>545</v>
      </c>
    </row>
    <row r="1013" spans="1:3" ht="24">
      <c r="A1013" s="10">
        <v>1011</v>
      </c>
      <c r="B1013" s="10" t="s">
        <v>571</v>
      </c>
      <c r="C1013" s="12" t="s">
        <v>545</v>
      </c>
    </row>
    <row r="1014" spans="1:3" ht="24">
      <c r="A1014" s="13">
        <v>1012</v>
      </c>
      <c r="B1014" s="10" t="s">
        <v>572</v>
      </c>
      <c r="C1014" s="12" t="s">
        <v>545</v>
      </c>
    </row>
    <row r="1015" spans="1:3" ht="24">
      <c r="A1015" s="13">
        <v>1013</v>
      </c>
      <c r="B1015" s="10" t="s">
        <v>573</v>
      </c>
      <c r="C1015" s="12" t="s">
        <v>545</v>
      </c>
    </row>
    <row r="1016" spans="1:3" ht="31.5">
      <c r="A1016" s="13">
        <v>1014</v>
      </c>
      <c r="B1016" s="10" t="s">
        <v>574</v>
      </c>
      <c r="C1016" s="12" t="s">
        <v>545</v>
      </c>
    </row>
    <row r="1017" spans="1:3" ht="24">
      <c r="A1017" s="10">
        <v>1015</v>
      </c>
      <c r="B1017" s="10" t="s">
        <v>575</v>
      </c>
      <c r="C1017" s="12" t="s">
        <v>545</v>
      </c>
    </row>
    <row r="1018" spans="1:3" ht="24">
      <c r="A1018" s="13">
        <v>1016</v>
      </c>
      <c r="B1018" s="10" t="s">
        <v>576</v>
      </c>
      <c r="C1018" s="12" t="s">
        <v>545</v>
      </c>
    </row>
    <row r="1019" spans="1:3" ht="24">
      <c r="A1019" s="13">
        <v>1017</v>
      </c>
      <c r="B1019" s="10" t="s">
        <v>577</v>
      </c>
      <c r="C1019" s="12" t="s">
        <v>545</v>
      </c>
    </row>
    <row r="1020" spans="1:3" ht="24">
      <c r="A1020" s="13">
        <v>1018</v>
      </c>
      <c r="B1020" s="10" t="s">
        <v>575</v>
      </c>
      <c r="C1020" s="12" t="s">
        <v>545</v>
      </c>
    </row>
    <row r="1021" spans="1:3" ht="24">
      <c r="A1021" s="10">
        <v>1019</v>
      </c>
      <c r="B1021" s="10" t="s">
        <v>578</v>
      </c>
      <c r="C1021" s="12" t="s">
        <v>545</v>
      </c>
    </row>
    <row r="1022" spans="1:3" ht="24">
      <c r="A1022" s="13">
        <v>1020</v>
      </c>
      <c r="B1022" s="10" t="s">
        <v>579</v>
      </c>
      <c r="C1022" s="12" t="s">
        <v>545</v>
      </c>
    </row>
    <row r="1023" spans="1:3" ht="24">
      <c r="A1023" s="13">
        <v>1021</v>
      </c>
      <c r="B1023" s="10" t="s">
        <v>580</v>
      </c>
      <c r="C1023" s="12" t="s">
        <v>545</v>
      </c>
    </row>
    <row r="1024" spans="1:3" ht="24">
      <c r="A1024" s="13">
        <v>1022</v>
      </c>
      <c r="B1024" s="10" t="s">
        <v>581</v>
      </c>
      <c r="C1024" s="12" t="s">
        <v>545</v>
      </c>
    </row>
    <row r="1025" spans="1:3" ht="24">
      <c r="A1025" s="10">
        <v>1023</v>
      </c>
      <c r="B1025" s="10" t="s">
        <v>582</v>
      </c>
      <c r="C1025" s="12" t="s">
        <v>545</v>
      </c>
    </row>
    <row r="1026" spans="1:3" ht="24">
      <c r="A1026" s="13">
        <v>1024</v>
      </c>
      <c r="B1026" s="10" t="s">
        <v>583</v>
      </c>
      <c r="C1026" s="12" t="s">
        <v>545</v>
      </c>
    </row>
    <row r="1027" spans="1:3" ht="24">
      <c r="A1027" s="13">
        <v>1025</v>
      </c>
      <c r="B1027" s="10" t="s">
        <v>584</v>
      </c>
      <c r="C1027" s="12" t="s">
        <v>545</v>
      </c>
    </row>
    <row r="1028" spans="1:3" ht="24">
      <c r="A1028" s="13">
        <v>1026</v>
      </c>
      <c r="B1028" s="10" t="s">
        <v>585</v>
      </c>
      <c r="C1028" s="12" t="s">
        <v>545</v>
      </c>
    </row>
    <row r="1029" spans="1:3" ht="24">
      <c r="A1029" s="10">
        <v>1027</v>
      </c>
      <c r="B1029" s="10" t="s">
        <v>585</v>
      </c>
      <c r="C1029" s="12" t="s">
        <v>545</v>
      </c>
    </row>
    <row r="1030" spans="1:3" ht="24">
      <c r="A1030" s="13">
        <v>1028</v>
      </c>
      <c r="B1030" s="10" t="s">
        <v>585</v>
      </c>
      <c r="C1030" s="12" t="s">
        <v>545</v>
      </c>
    </row>
    <row r="1031" spans="1:3" ht="24">
      <c r="A1031" s="13">
        <v>1029</v>
      </c>
      <c r="B1031" s="10" t="s">
        <v>585</v>
      </c>
      <c r="C1031" s="12" t="s">
        <v>545</v>
      </c>
    </row>
    <row r="1032" spans="1:3" ht="24">
      <c r="A1032" s="13">
        <v>1030</v>
      </c>
      <c r="B1032" s="10" t="s">
        <v>585</v>
      </c>
      <c r="C1032" s="12" t="s">
        <v>545</v>
      </c>
    </row>
    <row r="1033" spans="1:3" ht="24">
      <c r="A1033" s="10">
        <v>1031</v>
      </c>
      <c r="B1033" s="10" t="s">
        <v>585</v>
      </c>
      <c r="C1033" s="12" t="s">
        <v>545</v>
      </c>
    </row>
    <row r="1034" spans="1:3" ht="24">
      <c r="A1034" s="13">
        <v>1032</v>
      </c>
      <c r="B1034" s="10" t="s">
        <v>585</v>
      </c>
      <c r="C1034" s="12" t="s">
        <v>545</v>
      </c>
    </row>
    <row r="1035" spans="1:3" ht="24">
      <c r="A1035" s="13">
        <v>1033</v>
      </c>
      <c r="B1035" s="10" t="s">
        <v>585</v>
      </c>
      <c r="C1035" s="12" t="s">
        <v>545</v>
      </c>
    </row>
    <row r="1036" spans="1:3" ht="24">
      <c r="A1036" s="13">
        <v>1034</v>
      </c>
      <c r="B1036" s="10" t="s">
        <v>585</v>
      </c>
      <c r="C1036" s="12" t="s">
        <v>545</v>
      </c>
    </row>
    <row r="1037" spans="1:3" ht="24">
      <c r="A1037" s="10">
        <v>1035</v>
      </c>
      <c r="B1037" s="10" t="s">
        <v>586</v>
      </c>
      <c r="C1037" s="12" t="s">
        <v>545</v>
      </c>
    </row>
    <row r="1038" spans="1:3" ht="24">
      <c r="A1038" s="13">
        <v>1036</v>
      </c>
      <c r="B1038" s="10" t="s">
        <v>586</v>
      </c>
      <c r="C1038" s="12" t="s">
        <v>545</v>
      </c>
    </row>
    <row r="1039" spans="1:3" ht="24">
      <c r="A1039" s="13">
        <v>1037</v>
      </c>
      <c r="B1039" s="10" t="s">
        <v>586</v>
      </c>
      <c r="C1039" s="12" t="s">
        <v>545</v>
      </c>
    </row>
    <row r="1040" spans="1:3" ht="24">
      <c r="A1040" s="13">
        <v>1038</v>
      </c>
      <c r="B1040" s="10" t="s">
        <v>586</v>
      </c>
      <c r="C1040" s="12" t="s">
        <v>545</v>
      </c>
    </row>
    <row r="1041" spans="1:3" ht="24">
      <c r="A1041" s="10">
        <v>1039</v>
      </c>
      <c r="B1041" s="10" t="s">
        <v>586</v>
      </c>
      <c r="C1041" s="12" t="s">
        <v>545</v>
      </c>
    </row>
    <row r="1042" spans="1:3" ht="24">
      <c r="A1042" s="13">
        <v>1040</v>
      </c>
      <c r="B1042" s="10" t="s">
        <v>586</v>
      </c>
      <c r="C1042" s="12" t="s">
        <v>545</v>
      </c>
    </row>
    <row r="1043" spans="1:3" ht="24">
      <c r="A1043" s="13">
        <v>1041</v>
      </c>
      <c r="B1043" s="10" t="s">
        <v>587</v>
      </c>
      <c r="C1043" s="12" t="s">
        <v>545</v>
      </c>
    </row>
    <row r="1044" spans="1:3" ht="24">
      <c r="A1044" s="13">
        <v>1042</v>
      </c>
      <c r="B1044" s="10" t="s">
        <v>587</v>
      </c>
      <c r="C1044" s="12" t="s">
        <v>545</v>
      </c>
    </row>
    <row r="1045" spans="1:3" ht="24">
      <c r="A1045" s="10">
        <v>1043</v>
      </c>
      <c r="B1045" s="10" t="s">
        <v>587</v>
      </c>
      <c r="C1045" s="12" t="s">
        <v>545</v>
      </c>
    </row>
    <row r="1046" spans="1:3" ht="24">
      <c r="A1046" s="13">
        <v>1044</v>
      </c>
      <c r="B1046" s="10" t="s">
        <v>587</v>
      </c>
      <c r="C1046" s="12" t="s">
        <v>545</v>
      </c>
    </row>
    <row r="1047" spans="1:3" ht="24">
      <c r="A1047" s="13">
        <v>1045</v>
      </c>
      <c r="B1047" s="10" t="s">
        <v>588</v>
      </c>
      <c r="C1047" s="12" t="s">
        <v>545</v>
      </c>
    </row>
    <row r="1048" spans="1:3" ht="24">
      <c r="A1048" s="13">
        <v>1046</v>
      </c>
      <c r="B1048" s="10" t="s">
        <v>588</v>
      </c>
      <c r="C1048" s="12" t="s">
        <v>545</v>
      </c>
    </row>
    <row r="1049" spans="1:3" ht="24">
      <c r="A1049" s="10">
        <v>1047</v>
      </c>
      <c r="B1049" s="10" t="s">
        <v>589</v>
      </c>
      <c r="C1049" s="12" t="s">
        <v>545</v>
      </c>
    </row>
    <row r="1050" spans="1:3" ht="24">
      <c r="A1050" s="13">
        <v>1048</v>
      </c>
      <c r="B1050" s="10" t="s">
        <v>589</v>
      </c>
      <c r="C1050" s="12" t="s">
        <v>545</v>
      </c>
    </row>
    <row r="1051" spans="1:3" ht="24">
      <c r="A1051" s="13">
        <v>1049</v>
      </c>
      <c r="B1051" s="10" t="s">
        <v>590</v>
      </c>
      <c r="C1051" s="12" t="s">
        <v>545</v>
      </c>
    </row>
    <row r="1052" spans="1:3" ht="24">
      <c r="A1052" s="13">
        <v>1050</v>
      </c>
      <c r="B1052" s="10" t="s">
        <v>590</v>
      </c>
      <c r="C1052" s="12" t="s">
        <v>545</v>
      </c>
    </row>
    <row r="1053" spans="1:3" ht="24">
      <c r="A1053" s="10">
        <v>1051</v>
      </c>
      <c r="B1053" s="10" t="s">
        <v>590</v>
      </c>
      <c r="C1053" s="12" t="s">
        <v>545</v>
      </c>
    </row>
    <row r="1054" spans="1:3" ht="24">
      <c r="A1054" s="13">
        <v>1052</v>
      </c>
      <c r="B1054" s="10" t="s">
        <v>591</v>
      </c>
      <c r="C1054" s="12" t="s">
        <v>545</v>
      </c>
    </row>
    <row r="1055" spans="1:3" ht="24">
      <c r="A1055" s="13">
        <v>1053</v>
      </c>
      <c r="B1055" s="10" t="s">
        <v>592</v>
      </c>
      <c r="C1055" s="12" t="s">
        <v>545</v>
      </c>
    </row>
    <row r="1056" spans="1:3" ht="24">
      <c r="A1056" s="13">
        <v>1054</v>
      </c>
      <c r="B1056" s="10" t="s">
        <v>593</v>
      </c>
      <c r="C1056" s="12" t="s">
        <v>545</v>
      </c>
    </row>
    <row r="1057" spans="1:3" ht="31.5">
      <c r="A1057" s="10">
        <v>1055</v>
      </c>
      <c r="B1057" s="10" t="s">
        <v>594</v>
      </c>
      <c r="C1057" s="12" t="s">
        <v>545</v>
      </c>
    </row>
    <row r="1058" spans="1:3" ht="24">
      <c r="A1058" s="13">
        <v>1056</v>
      </c>
      <c r="B1058" s="10" t="s">
        <v>595</v>
      </c>
      <c r="C1058" s="12" t="s">
        <v>545</v>
      </c>
    </row>
    <row r="1059" spans="1:3" ht="24">
      <c r="A1059" s="13">
        <v>1057</v>
      </c>
      <c r="B1059" s="10" t="s">
        <v>596</v>
      </c>
      <c r="C1059" s="12" t="s">
        <v>545</v>
      </c>
    </row>
    <row r="1060" spans="1:3" ht="24">
      <c r="A1060" s="13">
        <v>1058</v>
      </c>
      <c r="B1060" s="10" t="s">
        <v>597</v>
      </c>
      <c r="C1060" s="12" t="s">
        <v>545</v>
      </c>
    </row>
    <row r="1061" spans="1:3" ht="24">
      <c r="A1061" s="10">
        <v>1059</v>
      </c>
      <c r="B1061" s="10" t="s">
        <v>598</v>
      </c>
      <c r="C1061" s="12" t="s">
        <v>545</v>
      </c>
    </row>
    <row r="1062" spans="1:3" ht="24">
      <c r="A1062" s="13">
        <v>1060</v>
      </c>
      <c r="B1062" s="10" t="s">
        <v>598</v>
      </c>
      <c r="C1062" s="12" t="s">
        <v>545</v>
      </c>
    </row>
    <row r="1063" spans="1:3" ht="24">
      <c r="A1063" s="13">
        <v>1061</v>
      </c>
      <c r="B1063" s="10" t="s">
        <v>599</v>
      </c>
      <c r="C1063" s="12" t="s">
        <v>545</v>
      </c>
    </row>
    <row r="1064" spans="1:3" ht="24">
      <c r="A1064" s="13">
        <v>1062</v>
      </c>
      <c r="B1064" s="10" t="s">
        <v>599</v>
      </c>
      <c r="C1064" s="12" t="s">
        <v>545</v>
      </c>
    </row>
    <row r="1065" spans="1:3" ht="24">
      <c r="A1065" s="10">
        <v>1063</v>
      </c>
      <c r="B1065" s="10" t="s">
        <v>600</v>
      </c>
      <c r="C1065" s="12" t="s">
        <v>545</v>
      </c>
    </row>
    <row r="1066" spans="1:3" ht="24">
      <c r="A1066" s="13">
        <v>1064</v>
      </c>
      <c r="B1066" s="10" t="s">
        <v>601</v>
      </c>
      <c r="C1066" s="12" t="s">
        <v>545</v>
      </c>
    </row>
    <row r="1067" spans="1:3" ht="24">
      <c r="A1067" s="13">
        <v>1065</v>
      </c>
      <c r="B1067" s="10" t="s">
        <v>602</v>
      </c>
      <c r="C1067" s="12" t="s">
        <v>545</v>
      </c>
    </row>
    <row r="1068" spans="1:3" ht="24">
      <c r="A1068" s="13">
        <v>1066</v>
      </c>
      <c r="B1068" s="10" t="s">
        <v>578</v>
      </c>
      <c r="C1068" s="12" t="s">
        <v>545</v>
      </c>
    </row>
    <row r="1069" spans="1:3" ht="24">
      <c r="A1069" s="10">
        <v>1067</v>
      </c>
      <c r="B1069" s="10" t="s">
        <v>603</v>
      </c>
      <c r="C1069" s="12" t="s">
        <v>545</v>
      </c>
    </row>
    <row r="1070" spans="1:3" ht="24">
      <c r="A1070" s="13">
        <v>1068</v>
      </c>
      <c r="B1070" s="10" t="s">
        <v>604</v>
      </c>
      <c r="C1070" s="12" t="s">
        <v>545</v>
      </c>
    </row>
    <row r="1071" spans="1:3" ht="24">
      <c r="A1071" s="13">
        <v>1069</v>
      </c>
      <c r="B1071" s="10" t="s">
        <v>604</v>
      </c>
      <c r="C1071" s="12" t="s">
        <v>545</v>
      </c>
    </row>
    <row r="1072" spans="1:3" ht="24">
      <c r="A1072" s="13">
        <v>1070</v>
      </c>
      <c r="B1072" s="10" t="s">
        <v>604</v>
      </c>
      <c r="C1072" s="12" t="s">
        <v>545</v>
      </c>
    </row>
    <row r="1073" spans="1:3" ht="24">
      <c r="A1073" s="10">
        <v>1071</v>
      </c>
      <c r="B1073" s="10" t="s">
        <v>604</v>
      </c>
      <c r="C1073" s="12" t="s">
        <v>545</v>
      </c>
    </row>
    <row r="1074" spans="1:3" ht="24">
      <c r="A1074" s="13">
        <v>1072</v>
      </c>
      <c r="B1074" s="10" t="s">
        <v>604</v>
      </c>
      <c r="C1074" s="12" t="s">
        <v>545</v>
      </c>
    </row>
    <row r="1075" spans="1:3" ht="24">
      <c r="A1075" s="13">
        <v>1073</v>
      </c>
      <c r="B1075" s="10" t="s">
        <v>605</v>
      </c>
      <c r="C1075" s="12" t="s">
        <v>545</v>
      </c>
    </row>
    <row r="1076" spans="1:3" ht="24">
      <c r="A1076" s="13">
        <v>1074</v>
      </c>
      <c r="B1076" s="10" t="s">
        <v>606</v>
      </c>
      <c r="C1076" s="12" t="s">
        <v>545</v>
      </c>
    </row>
    <row r="1077" spans="1:3" ht="24">
      <c r="A1077" s="10">
        <v>1075</v>
      </c>
      <c r="B1077" s="10" t="s">
        <v>607</v>
      </c>
      <c r="C1077" s="12" t="s">
        <v>545</v>
      </c>
    </row>
    <row r="1078" spans="1:3" ht="24">
      <c r="A1078" s="13">
        <v>1076</v>
      </c>
      <c r="B1078" s="10" t="s">
        <v>608</v>
      </c>
      <c r="C1078" s="12" t="s">
        <v>545</v>
      </c>
    </row>
    <row r="1079" spans="1:3" ht="24">
      <c r="A1079" s="13">
        <v>1077</v>
      </c>
      <c r="B1079" s="10" t="s">
        <v>593</v>
      </c>
      <c r="C1079" s="12" t="s">
        <v>545</v>
      </c>
    </row>
    <row r="1080" spans="1:3" ht="24">
      <c r="A1080" s="13">
        <v>1078</v>
      </c>
      <c r="B1080" s="10" t="s">
        <v>593</v>
      </c>
      <c r="C1080" s="12" t="s">
        <v>545</v>
      </c>
    </row>
    <row r="1081" spans="1:3" ht="24">
      <c r="A1081" s="10">
        <v>1079</v>
      </c>
      <c r="B1081" s="10" t="s">
        <v>609</v>
      </c>
      <c r="C1081" s="12" t="s">
        <v>545</v>
      </c>
    </row>
    <row r="1082" spans="1:3" ht="24">
      <c r="A1082" s="13">
        <v>1080</v>
      </c>
      <c r="B1082" s="10" t="s">
        <v>610</v>
      </c>
      <c r="C1082" s="12" t="s">
        <v>545</v>
      </c>
    </row>
    <row r="1083" spans="1:3" ht="31.5">
      <c r="A1083" s="13">
        <v>1081</v>
      </c>
      <c r="B1083" s="10" t="s">
        <v>611</v>
      </c>
      <c r="C1083" s="12" t="s">
        <v>545</v>
      </c>
    </row>
    <row r="1084" spans="1:3" ht="24">
      <c r="A1084" s="13">
        <v>1082</v>
      </c>
      <c r="B1084" s="10" t="s">
        <v>612</v>
      </c>
      <c r="C1084" s="12" t="s">
        <v>545</v>
      </c>
    </row>
    <row r="1085" spans="1:3" ht="24">
      <c r="A1085" s="10">
        <v>1083</v>
      </c>
      <c r="B1085" s="10" t="s">
        <v>613</v>
      </c>
      <c r="C1085" s="12" t="s">
        <v>545</v>
      </c>
    </row>
    <row r="1086" spans="1:3" ht="31.5">
      <c r="A1086" s="13">
        <v>1084</v>
      </c>
      <c r="B1086" s="10" t="s">
        <v>614</v>
      </c>
      <c r="C1086" s="12" t="s">
        <v>545</v>
      </c>
    </row>
    <row r="1087" spans="1:3" ht="24">
      <c r="A1087" s="13">
        <v>1085</v>
      </c>
      <c r="B1087" s="10" t="s">
        <v>347</v>
      </c>
      <c r="C1087" s="12" t="s">
        <v>545</v>
      </c>
    </row>
    <row r="1088" spans="1:3" ht="24">
      <c r="A1088" s="13">
        <v>1086</v>
      </c>
      <c r="B1088" s="10" t="s">
        <v>615</v>
      </c>
      <c r="C1088" s="12" t="s">
        <v>545</v>
      </c>
    </row>
    <row r="1089" spans="1:3" ht="24">
      <c r="A1089" s="10">
        <v>1087</v>
      </c>
      <c r="B1089" s="10" t="s">
        <v>616</v>
      </c>
      <c r="C1089" s="12" t="s">
        <v>545</v>
      </c>
    </row>
    <row r="1090" spans="1:3" ht="24">
      <c r="A1090" s="13">
        <v>1088</v>
      </c>
      <c r="B1090" s="10" t="s">
        <v>617</v>
      </c>
      <c r="C1090" s="12" t="s">
        <v>545</v>
      </c>
    </row>
    <row r="1091" spans="1:3" ht="24">
      <c r="A1091" s="13">
        <v>1089</v>
      </c>
      <c r="B1091" s="10" t="s">
        <v>618</v>
      </c>
      <c r="C1091" s="12" t="s">
        <v>545</v>
      </c>
    </row>
    <row r="1092" spans="1:3" ht="24">
      <c r="A1092" s="13">
        <v>1090</v>
      </c>
      <c r="B1092" s="10" t="s">
        <v>619</v>
      </c>
      <c r="C1092" s="12" t="s">
        <v>545</v>
      </c>
    </row>
    <row r="1093" spans="1:3" ht="24">
      <c r="A1093" s="10">
        <v>1091</v>
      </c>
      <c r="B1093" s="10" t="s">
        <v>620</v>
      </c>
      <c r="C1093" s="12" t="s">
        <v>545</v>
      </c>
    </row>
    <row r="1094" spans="1:3" ht="24">
      <c r="A1094" s="13">
        <v>1092</v>
      </c>
      <c r="B1094" s="10" t="s">
        <v>620</v>
      </c>
      <c r="C1094" s="12" t="s">
        <v>545</v>
      </c>
    </row>
    <row r="1095" spans="1:3" ht="24">
      <c r="A1095" s="13">
        <v>1093</v>
      </c>
      <c r="B1095" s="10" t="s">
        <v>621</v>
      </c>
      <c r="C1095" s="12" t="s">
        <v>545</v>
      </c>
    </row>
    <row r="1096" spans="1:3" ht="24">
      <c r="A1096" s="13">
        <v>1094</v>
      </c>
      <c r="B1096" s="10" t="s">
        <v>622</v>
      </c>
      <c r="C1096" s="12" t="s">
        <v>545</v>
      </c>
    </row>
    <row r="1097" spans="1:3" ht="24">
      <c r="A1097" s="10">
        <v>1095</v>
      </c>
      <c r="B1097" s="10" t="s">
        <v>622</v>
      </c>
      <c r="C1097" s="12" t="s">
        <v>545</v>
      </c>
    </row>
    <row r="1098" spans="1:3" ht="24">
      <c r="A1098" s="13">
        <v>1096</v>
      </c>
      <c r="B1098" s="10" t="s">
        <v>622</v>
      </c>
      <c r="C1098" s="12" t="s">
        <v>545</v>
      </c>
    </row>
    <row r="1099" spans="1:3" ht="24">
      <c r="A1099" s="13">
        <v>1097</v>
      </c>
      <c r="B1099" s="10" t="s">
        <v>622</v>
      </c>
      <c r="C1099" s="12" t="s">
        <v>545</v>
      </c>
    </row>
    <row r="1100" spans="1:3" ht="24">
      <c r="A1100" s="13">
        <v>1098</v>
      </c>
      <c r="B1100" s="10" t="s">
        <v>623</v>
      </c>
      <c r="C1100" s="12" t="s">
        <v>545</v>
      </c>
    </row>
    <row r="1101" spans="1:3" ht="24">
      <c r="A1101" s="10">
        <v>1099</v>
      </c>
      <c r="B1101" s="10" t="s">
        <v>624</v>
      </c>
      <c r="C1101" s="12" t="s">
        <v>545</v>
      </c>
    </row>
    <row r="1102" spans="1:3" ht="24">
      <c r="A1102" s="13">
        <v>1100</v>
      </c>
      <c r="B1102" s="10" t="s">
        <v>625</v>
      </c>
      <c r="C1102" s="12" t="s">
        <v>545</v>
      </c>
    </row>
    <row r="1103" spans="1:3" ht="24">
      <c r="A1103" s="13">
        <v>1101</v>
      </c>
      <c r="B1103" s="10" t="s">
        <v>626</v>
      </c>
      <c r="C1103" s="12" t="s">
        <v>545</v>
      </c>
    </row>
    <row r="1104" spans="1:3" ht="24">
      <c r="A1104" s="13">
        <v>1102</v>
      </c>
      <c r="B1104" s="10" t="s">
        <v>627</v>
      </c>
      <c r="C1104" s="12" t="s">
        <v>545</v>
      </c>
    </row>
    <row r="1105" spans="1:3" ht="24">
      <c r="A1105" s="10">
        <v>1103</v>
      </c>
      <c r="B1105" s="10" t="s">
        <v>628</v>
      </c>
      <c r="C1105" s="12" t="s">
        <v>545</v>
      </c>
    </row>
    <row r="1106" spans="1:3" ht="24">
      <c r="A1106" s="13">
        <v>1104</v>
      </c>
      <c r="B1106" s="10" t="s">
        <v>626</v>
      </c>
      <c r="C1106" s="12" t="s">
        <v>545</v>
      </c>
    </row>
    <row r="1107" spans="1:3" ht="24">
      <c r="A1107" s="13">
        <v>1105</v>
      </c>
      <c r="B1107" s="10" t="s">
        <v>629</v>
      </c>
      <c r="C1107" s="12" t="s">
        <v>545</v>
      </c>
    </row>
    <row r="1108" spans="1:3" ht="24">
      <c r="A1108" s="13">
        <v>1106</v>
      </c>
      <c r="B1108" s="10" t="s">
        <v>630</v>
      </c>
      <c r="C1108" s="12" t="s">
        <v>545</v>
      </c>
    </row>
    <row r="1109" spans="1:3" ht="24">
      <c r="A1109" s="10">
        <v>1107</v>
      </c>
      <c r="B1109" s="10" t="s">
        <v>631</v>
      </c>
      <c r="C1109" s="12" t="s">
        <v>545</v>
      </c>
    </row>
    <row r="1110" spans="1:3" ht="24">
      <c r="A1110" s="13">
        <v>1108</v>
      </c>
      <c r="B1110" s="10" t="s">
        <v>625</v>
      </c>
      <c r="C1110" s="12" t="s">
        <v>545</v>
      </c>
    </row>
    <row r="1111" spans="1:3" ht="24">
      <c r="A1111" s="13">
        <v>1109</v>
      </c>
      <c r="B1111" s="10" t="s">
        <v>625</v>
      </c>
      <c r="C1111" s="12" t="s">
        <v>545</v>
      </c>
    </row>
    <row r="1112" spans="1:3" ht="24">
      <c r="A1112" s="13">
        <v>1110</v>
      </c>
      <c r="B1112" s="10" t="s">
        <v>632</v>
      </c>
      <c r="C1112" s="12" t="s">
        <v>545</v>
      </c>
    </row>
    <row r="1113" spans="1:3" ht="24">
      <c r="A1113" s="10">
        <v>1111</v>
      </c>
      <c r="B1113" s="10" t="s">
        <v>633</v>
      </c>
      <c r="C1113" s="12" t="s">
        <v>545</v>
      </c>
    </row>
    <row r="1114" spans="1:3" ht="24">
      <c r="A1114" s="13">
        <v>1112</v>
      </c>
      <c r="B1114" s="10" t="s">
        <v>634</v>
      </c>
      <c r="C1114" s="12" t="s">
        <v>545</v>
      </c>
    </row>
    <row r="1115" spans="1:3" ht="24">
      <c r="A1115" s="13">
        <v>1113</v>
      </c>
      <c r="B1115" s="10" t="s">
        <v>634</v>
      </c>
      <c r="C1115" s="12" t="s">
        <v>545</v>
      </c>
    </row>
    <row r="1116" spans="1:3" ht="24">
      <c r="A1116" s="13">
        <v>1114</v>
      </c>
      <c r="B1116" s="10" t="s">
        <v>634</v>
      </c>
      <c r="C1116" s="12" t="s">
        <v>545</v>
      </c>
    </row>
    <row r="1117" spans="1:3" ht="24">
      <c r="A1117" s="10">
        <v>1115</v>
      </c>
      <c r="B1117" s="10" t="s">
        <v>635</v>
      </c>
      <c r="C1117" s="12" t="s">
        <v>545</v>
      </c>
    </row>
    <row r="1118" spans="1:3" ht="24">
      <c r="A1118" s="13">
        <v>1116</v>
      </c>
      <c r="B1118" s="10" t="s">
        <v>12</v>
      </c>
      <c r="C1118" s="12" t="s">
        <v>545</v>
      </c>
    </row>
    <row r="1119" spans="1:3" ht="24">
      <c r="A1119" s="13">
        <v>1117</v>
      </c>
      <c r="B1119" s="10" t="s">
        <v>636</v>
      </c>
      <c r="C1119" s="12" t="s">
        <v>545</v>
      </c>
    </row>
    <row r="1120" spans="1:3" ht="24">
      <c r="A1120" s="13">
        <v>1118</v>
      </c>
      <c r="B1120" s="10" t="s">
        <v>421</v>
      </c>
      <c r="C1120" s="12" t="s">
        <v>545</v>
      </c>
    </row>
    <row r="1121" spans="1:3" ht="24">
      <c r="A1121" s="10">
        <v>1119</v>
      </c>
      <c r="B1121" s="10" t="s">
        <v>637</v>
      </c>
      <c r="C1121" s="12" t="s">
        <v>545</v>
      </c>
    </row>
    <row r="1122" spans="1:3" ht="24">
      <c r="A1122" s="13">
        <v>1120</v>
      </c>
      <c r="B1122" s="10" t="s">
        <v>638</v>
      </c>
      <c r="C1122" s="12" t="s">
        <v>545</v>
      </c>
    </row>
    <row r="1123" spans="1:3" ht="24">
      <c r="A1123" s="13">
        <v>1121</v>
      </c>
      <c r="B1123" s="10" t="s">
        <v>639</v>
      </c>
      <c r="C1123" s="12" t="s">
        <v>545</v>
      </c>
    </row>
    <row r="1124" spans="1:3" ht="24">
      <c r="A1124" s="13">
        <v>1122</v>
      </c>
      <c r="B1124" s="10" t="s">
        <v>640</v>
      </c>
      <c r="C1124" s="12" t="s">
        <v>545</v>
      </c>
    </row>
    <row r="1125" spans="1:3" ht="24">
      <c r="A1125" s="10">
        <v>1123</v>
      </c>
      <c r="B1125" s="10" t="s">
        <v>641</v>
      </c>
      <c r="C1125" s="12" t="s">
        <v>545</v>
      </c>
    </row>
    <row r="1126" spans="1:3" ht="24">
      <c r="A1126" s="13">
        <v>1124</v>
      </c>
      <c r="B1126" s="10" t="s">
        <v>641</v>
      </c>
      <c r="C1126" s="12" t="s">
        <v>545</v>
      </c>
    </row>
    <row r="1127" spans="1:3" ht="24">
      <c r="A1127" s="13">
        <v>1125</v>
      </c>
      <c r="B1127" s="10" t="s">
        <v>641</v>
      </c>
      <c r="C1127" s="12" t="s">
        <v>545</v>
      </c>
    </row>
    <row r="1128" spans="1:3" ht="24">
      <c r="A1128" s="13">
        <v>1126</v>
      </c>
      <c r="B1128" s="10" t="s">
        <v>642</v>
      </c>
      <c r="C1128" s="12" t="s">
        <v>545</v>
      </c>
    </row>
    <row r="1129" spans="1:3" ht="24">
      <c r="A1129" s="10">
        <v>1127</v>
      </c>
      <c r="B1129" s="10" t="s">
        <v>643</v>
      </c>
      <c r="C1129" s="12" t="s">
        <v>545</v>
      </c>
    </row>
    <row r="1130" spans="1:3" ht="24">
      <c r="A1130" s="13">
        <v>1128</v>
      </c>
      <c r="B1130" s="10" t="s">
        <v>644</v>
      </c>
      <c r="C1130" s="12" t="s">
        <v>545</v>
      </c>
    </row>
    <row r="1131" spans="1:3" ht="24">
      <c r="A1131" s="13">
        <v>1129</v>
      </c>
      <c r="B1131" s="10" t="s">
        <v>644</v>
      </c>
      <c r="C1131" s="12" t="s">
        <v>545</v>
      </c>
    </row>
    <row r="1132" spans="1:3" ht="24">
      <c r="A1132" s="13">
        <v>1130</v>
      </c>
      <c r="B1132" s="10" t="s">
        <v>644</v>
      </c>
      <c r="C1132" s="12" t="s">
        <v>545</v>
      </c>
    </row>
    <row r="1133" spans="1:3" ht="24">
      <c r="A1133" s="10">
        <v>1131</v>
      </c>
      <c r="B1133" s="10" t="s">
        <v>644</v>
      </c>
      <c r="C1133" s="12" t="s">
        <v>545</v>
      </c>
    </row>
    <row r="1134" spans="1:3" ht="24">
      <c r="A1134" s="13">
        <v>1132</v>
      </c>
      <c r="B1134" s="10" t="s">
        <v>644</v>
      </c>
      <c r="C1134" s="12" t="s">
        <v>545</v>
      </c>
    </row>
    <row r="1135" spans="1:3" ht="24">
      <c r="A1135" s="13">
        <v>1133</v>
      </c>
      <c r="B1135" s="10" t="s">
        <v>644</v>
      </c>
      <c r="C1135" s="12" t="s">
        <v>545</v>
      </c>
    </row>
    <row r="1136" spans="1:3" ht="24">
      <c r="A1136" s="13">
        <v>1134</v>
      </c>
      <c r="B1136" s="10" t="s">
        <v>644</v>
      </c>
      <c r="C1136" s="12" t="s">
        <v>545</v>
      </c>
    </row>
    <row r="1137" spans="1:3" ht="24">
      <c r="A1137" s="10">
        <v>1135</v>
      </c>
      <c r="B1137" s="10" t="s">
        <v>644</v>
      </c>
      <c r="C1137" s="12" t="s">
        <v>545</v>
      </c>
    </row>
    <row r="1138" spans="1:3" ht="24">
      <c r="A1138" s="13">
        <v>1136</v>
      </c>
      <c r="B1138" s="10" t="s">
        <v>644</v>
      </c>
      <c r="C1138" s="12" t="s">
        <v>545</v>
      </c>
    </row>
    <row r="1139" spans="1:3" ht="24">
      <c r="A1139" s="13">
        <v>1137</v>
      </c>
      <c r="B1139" s="10" t="s">
        <v>644</v>
      </c>
      <c r="C1139" s="12" t="s">
        <v>545</v>
      </c>
    </row>
    <row r="1140" spans="1:3" ht="24">
      <c r="A1140" s="13">
        <v>1138</v>
      </c>
      <c r="B1140" s="10" t="s">
        <v>644</v>
      </c>
      <c r="C1140" s="12" t="s">
        <v>545</v>
      </c>
    </row>
    <row r="1141" spans="1:3" ht="24">
      <c r="A1141" s="10">
        <v>1139</v>
      </c>
      <c r="B1141" s="10" t="s">
        <v>644</v>
      </c>
      <c r="C1141" s="12" t="s">
        <v>545</v>
      </c>
    </row>
    <row r="1142" spans="1:3" ht="24">
      <c r="A1142" s="13">
        <v>1140</v>
      </c>
      <c r="B1142" s="10" t="s">
        <v>644</v>
      </c>
      <c r="C1142" s="12" t="s">
        <v>545</v>
      </c>
    </row>
    <row r="1143" spans="1:3" ht="24">
      <c r="A1143" s="13">
        <v>1141</v>
      </c>
      <c r="B1143" s="10" t="s">
        <v>644</v>
      </c>
      <c r="C1143" s="12" t="s">
        <v>545</v>
      </c>
    </row>
    <row r="1144" spans="1:3" ht="24">
      <c r="A1144" s="13">
        <v>1142</v>
      </c>
      <c r="B1144" s="10" t="s">
        <v>644</v>
      </c>
      <c r="C1144" s="12" t="s">
        <v>545</v>
      </c>
    </row>
    <row r="1145" spans="1:3" ht="24">
      <c r="A1145" s="10">
        <v>1143</v>
      </c>
      <c r="B1145" s="10" t="s">
        <v>645</v>
      </c>
      <c r="C1145" s="12" t="s">
        <v>545</v>
      </c>
    </row>
    <row r="1146" spans="1:3" ht="24">
      <c r="A1146" s="13">
        <v>1144</v>
      </c>
      <c r="B1146" s="10" t="s">
        <v>645</v>
      </c>
      <c r="C1146" s="12" t="s">
        <v>545</v>
      </c>
    </row>
    <row r="1147" spans="1:3" ht="24">
      <c r="A1147" s="13">
        <v>1145</v>
      </c>
      <c r="B1147" s="10" t="s">
        <v>645</v>
      </c>
      <c r="C1147" s="12" t="s">
        <v>545</v>
      </c>
    </row>
    <row r="1148" spans="1:3" ht="24">
      <c r="A1148" s="13">
        <v>1146</v>
      </c>
      <c r="B1148" s="10" t="s">
        <v>645</v>
      </c>
      <c r="C1148" s="12" t="s">
        <v>545</v>
      </c>
    </row>
    <row r="1149" spans="1:3" ht="24">
      <c r="A1149" s="10">
        <v>1147</v>
      </c>
      <c r="B1149" s="10" t="s">
        <v>645</v>
      </c>
      <c r="C1149" s="12" t="s">
        <v>545</v>
      </c>
    </row>
    <row r="1150" spans="1:3" ht="24">
      <c r="A1150" s="13">
        <v>1148</v>
      </c>
      <c r="B1150" s="10" t="s">
        <v>645</v>
      </c>
      <c r="C1150" s="12" t="s">
        <v>545</v>
      </c>
    </row>
    <row r="1151" spans="1:3" ht="24">
      <c r="A1151" s="13">
        <v>1149</v>
      </c>
      <c r="B1151" s="10" t="s">
        <v>645</v>
      </c>
      <c r="C1151" s="12" t="s">
        <v>545</v>
      </c>
    </row>
    <row r="1152" spans="1:3" ht="24">
      <c r="A1152" s="13">
        <v>1150</v>
      </c>
      <c r="B1152" s="10" t="s">
        <v>645</v>
      </c>
      <c r="C1152" s="12" t="s">
        <v>545</v>
      </c>
    </row>
    <row r="1153" spans="1:3" ht="24">
      <c r="A1153" s="10">
        <v>1151</v>
      </c>
      <c r="B1153" s="10" t="s">
        <v>645</v>
      </c>
      <c r="C1153" s="12" t="s">
        <v>545</v>
      </c>
    </row>
    <row r="1154" spans="1:3" ht="24">
      <c r="A1154" s="13">
        <v>1152</v>
      </c>
      <c r="B1154" s="10" t="s">
        <v>645</v>
      </c>
      <c r="C1154" s="12" t="s">
        <v>545</v>
      </c>
    </row>
    <row r="1155" spans="1:3" ht="24">
      <c r="A1155" s="13">
        <v>1153</v>
      </c>
      <c r="B1155" s="10" t="s">
        <v>645</v>
      </c>
      <c r="C1155" s="12" t="s">
        <v>545</v>
      </c>
    </row>
    <row r="1156" spans="1:3" ht="24">
      <c r="A1156" s="13">
        <v>1154</v>
      </c>
      <c r="B1156" s="10" t="s">
        <v>645</v>
      </c>
      <c r="C1156" s="12" t="s">
        <v>545</v>
      </c>
    </row>
    <row r="1157" spans="1:3" ht="24">
      <c r="A1157" s="10">
        <v>1155</v>
      </c>
      <c r="B1157" s="10" t="s">
        <v>645</v>
      </c>
      <c r="C1157" s="12" t="s">
        <v>545</v>
      </c>
    </row>
    <row r="1158" spans="1:3" ht="24">
      <c r="A1158" s="13">
        <v>1156</v>
      </c>
      <c r="B1158" s="10" t="s">
        <v>645</v>
      </c>
      <c r="C1158" s="12" t="s">
        <v>545</v>
      </c>
    </row>
    <row r="1159" spans="1:3" ht="24">
      <c r="A1159" s="13">
        <v>1157</v>
      </c>
      <c r="B1159" s="10" t="s">
        <v>645</v>
      </c>
      <c r="C1159" s="12" t="s">
        <v>545</v>
      </c>
    </row>
    <row r="1160" spans="1:3" ht="24">
      <c r="A1160" s="13">
        <v>1158</v>
      </c>
      <c r="B1160" s="10" t="s">
        <v>646</v>
      </c>
      <c r="C1160" s="12" t="s">
        <v>545</v>
      </c>
    </row>
    <row r="1161" spans="1:3" ht="24">
      <c r="A1161" s="10">
        <v>1159</v>
      </c>
      <c r="B1161" s="10" t="s">
        <v>646</v>
      </c>
      <c r="C1161" s="12" t="s">
        <v>545</v>
      </c>
    </row>
    <row r="1162" spans="1:3" ht="24">
      <c r="A1162" s="13">
        <v>1160</v>
      </c>
      <c r="B1162" s="10" t="s">
        <v>646</v>
      </c>
      <c r="C1162" s="12" t="s">
        <v>545</v>
      </c>
    </row>
    <row r="1163" spans="1:3" ht="24">
      <c r="A1163" s="13">
        <v>1161</v>
      </c>
      <c r="B1163" s="10" t="s">
        <v>646</v>
      </c>
      <c r="C1163" s="12" t="s">
        <v>545</v>
      </c>
    </row>
    <row r="1164" spans="1:3" ht="24">
      <c r="A1164" s="13">
        <v>1162</v>
      </c>
      <c r="B1164" s="10" t="s">
        <v>647</v>
      </c>
      <c r="C1164" s="12" t="s">
        <v>545</v>
      </c>
    </row>
    <row r="1165" spans="1:3" ht="24">
      <c r="A1165" s="10">
        <v>1163</v>
      </c>
      <c r="B1165" s="10" t="s">
        <v>647</v>
      </c>
      <c r="C1165" s="12" t="s">
        <v>545</v>
      </c>
    </row>
    <row r="1166" spans="1:3" ht="24">
      <c r="A1166" s="13">
        <v>1164</v>
      </c>
      <c r="B1166" s="10" t="s">
        <v>648</v>
      </c>
      <c r="C1166" s="12" t="s">
        <v>545</v>
      </c>
    </row>
    <row r="1167" spans="1:3" ht="24">
      <c r="A1167" s="13">
        <v>1165</v>
      </c>
      <c r="B1167" s="10" t="s">
        <v>648</v>
      </c>
      <c r="C1167" s="12" t="s">
        <v>545</v>
      </c>
    </row>
    <row r="1168" spans="1:3" ht="24">
      <c r="A1168" s="13">
        <v>1166</v>
      </c>
      <c r="B1168" s="10" t="s">
        <v>648</v>
      </c>
      <c r="C1168" s="12" t="s">
        <v>545</v>
      </c>
    </row>
    <row r="1169" spans="1:3" ht="24">
      <c r="A1169" s="10">
        <v>1167</v>
      </c>
      <c r="B1169" s="10" t="s">
        <v>648</v>
      </c>
      <c r="C1169" s="12" t="s">
        <v>545</v>
      </c>
    </row>
    <row r="1170" spans="1:3" ht="24">
      <c r="A1170" s="13">
        <v>1168</v>
      </c>
      <c r="B1170" s="10" t="s">
        <v>648</v>
      </c>
      <c r="C1170" s="12" t="s">
        <v>545</v>
      </c>
    </row>
    <row r="1171" spans="1:3" ht="24">
      <c r="A1171" s="13">
        <v>1169</v>
      </c>
      <c r="B1171" s="10" t="s">
        <v>648</v>
      </c>
      <c r="C1171" s="12" t="s">
        <v>545</v>
      </c>
    </row>
    <row r="1172" spans="1:3" ht="24">
      <c r="A1172" s="13">
        <v>1170</v>
      </c>
      <c r="B1172" s="10" t="s">
        <v>648</v>
      </c>
      <c r="C1172" s="12" t="s">
        <v>545</v>
      </c>
    </row>
    <row r="1173" spans="1:3" ht="24">
      <c r="A1173" s="10">
        <v>1171</v>
      </c>
      <c r="B1173" s="10" t="s">
        <v>648</v>
      </c>
      <c r="C1173" s="12" t="s">
        <v>545</v>
      </c>
    </row>
    <row r="1174" spans="1:3" ht="24">
      <c r="A1174" s="13">
        <v>1172</v>
      </c>
      <c r="B1174" s="10" t="s">
        <v>649</v>
      </c>
      <c r="C1174" s="12" t="s">
        <v>545</v>
      </c>
    </row>
    <row r="1175" spans="1:3" ht="24">
      <c r="A1175" s="13">
        <v>1173</v>
      </c>
      <c r="B1175" s="10" t="s">
        <v>649</v>
      </c>
      <c r="C1175" s="12" t="s">
        <v>545</v>
      </c>
    </row>
    <row r="1176" spans="1:3" ht="24">
      <c r="A1176" s="13">
        <v>1174</v>
      </c>
      <c r="B1176" s="10" t="s">
        <v>648</v>
      </c>
      <c r="C1176" s="12" t="s">
        <v>545</v>
      </c>
    </row>
    <row r="1177" spans="1:3" ht="24">
      <c r="A1177" s="10">
        <v>1175</v>
      </c>
      <c r="B1177" s="10" t="s">
        <v>648</v>
      </c>
      <c r="C1177" s="12" t="s">
        <v>545</v>
      </c>
    </row>
    <row r="1178" spans="1:3" ht="24">
      <c r="A1178" s="13">
        <v>1176</v>
      </c>
      <c r="B1178" s="10" t="s">
        <v>648</v>
      </c>
      <c r="C1178" s="12" t="s">
        <v>545</v>
      </c>
    </row>
    <row r="1179" spans="1:3" ht="24">
      <c r="A1179" s="13">
        <v>1177</v>
      </c>
      <c r="B1179" s="10" t="s">
        <v>648</v>
      </c>
      <c r="C1179" s="12" t="s">
        <v>545</v>
      </c>
    </row>
    <row r="1180" spans="1:3" ht="24">
      <c r="A1180" s="13">
        <v>1178</v>
      </c>
      <c r="B1180" s="10" t="s">
        <v>648</v>
      </c>
      <c r="C1180" s="12" t="s">
        <v>545</v>
      </c>
    </row>
    <row r="1181" spans="1:3" ht="24">
      <c r="A1181" s="10">
        <v>1179</v>
      </c>
      <c r="B1181" s="10" t="s">
        <v>648</v>
      </c>
      <c r="C1181" s="12" t="s">
        <v>545</v>
      </c>
    </row>
    <row r="1182" spans="1:3" ht="24">
      <c r="A1182" s="13">
        <v>1180</v>
      </c>
      <c r="B1182" s="10" t="s">
        <v>648</v>
      </c>
      <c r="C1182" s="12" t="s">
        <v>545</v>
      </c>
    </row>
    <row r="1183" spans="1:3" ht="24">
      <c r="A1183" s="13">
        <v>1181</v>
      </c>
      <c r="B1183" s="10" t="s">
        <v>650</v>
      </c>
      <c r="C1183" s="12" t="s">
        <v>545</v>
      </c>
    </row>
    <row r="1184" spans="1:3" ht="24">
      <c r="A1184" s="13">
        <v>1182</v>
      </c>
      <c r="B1184" s="10" t="s">
        <v>651</v>
      </c>
      <c r="C1184" s="12" t="s">
        <v>545</v>
      </c>
    </row>
    <row r="1185" spans="1:3" ht="24">
      <c r="A1185" s="10">
        <v>1183</v>
      </c>
      <c r="B1185" s="10" t="s">
        <v>652</v>
      </c>
      <c r="C1185" s="12" t="s">
        <v>545</v>
      </c>
    </row>
    <row r="1186" spans="1:3" ht="24">
      <c r="A1186" s="13">
        <v>1184</v>
      </c>
      <c r="B1186" s="10" t="s">
        <v>652</v>
      </c>
      <c r="C1186" s="12" t="s">
        <v>545</v>
      </c>
    </row>
    <row r="1187" spans="1:3" ht="24">
      <c r="A1187" s="13">
        <v>1185</v>
      </c>
      <c r="B1187" s="10" t="s">
        <v>652</v>
      </c>
      <c r="C1187" s="12" t="s">
        <v>545</v>
      </c>
    </row>
    <row r="1188" spans="1:3" ht="24">
      <c r="A1188" s="13">
        <v>1186</v>
      </c>
      <c r="B1188" s="10" t="s">
        <v>652</v>
      </c>
      <c r="C1188" s="12" t="s">
        <v>545</v>
      </c>
    </row>
    <row r="1189" spans="1:3" ht="24">
      <c r="A1189" s="10">
        <v>1187</v>
      </c>
      <c r="B1189" s="10" t="s">
        <v>652</v>
      </c>
      <c r="C1189" s="12" t="s">
        <v>545</v>
      </c>
    </row>
    <row r="1190" spans="1:3" ht="24">
      <c r="A1190" s="13">
        <v>1188</v>
      </c>
      <c r="B1190" s="10" t="s">
        <v>652</v>
      </c>
      <c r="C1190" s="12" t="s">
        <v>545</v>
      </c>
    </row>
    <row r="1191" spans="1:3" ht="24">
      <c r="A1191" s="13">
        <v>1189</v>
      </c>
      <c r="B1191" s="10" t="s">
        <v>652</v>
      </c>
      <c r="C1191" s="12" t="s">
        <v>545</v>
      </c>
    </row>
    <row r="1192" spans="1:3" ht="24">
      <c r="A1192" s="13">
        <v>1190</v>
      </c>
      <c r="B1192" s="10" t="s">
        <v>653</v>
      </c>
      <c r="C1192" s="12" t="s">
        <v>545</v>
      </c>
    </row>
    <row r="1193" spans="1:3" ht="24">
      <c r="A1193" s="10">
        <v>1191</v>
      </c>
      <c r="B1193" s="10" t="s">
        <v>653</v>
      </c>
      <c r="C1193" s="12" t="s">
        <v>545</v>
      </c>
    </row>
    <row r="1194" spans="1:3" ht="24">
      <c r="A1194" s="13">
        <v>1192</v>
      </c>
      <c r="B1194" s="10" t="s">
        <v>654</v>
      </c>
      <c r="C1194" s="12" t="s">
        <v>545</v>
      </c>
    </row>
    <row r="1195" spans="1:3" ht="24">
      <c r="A1195" s="13">
        <v>1193</v>
      </c>
      <c r="B1195" s="10" t="s">
        <v>655</v>
      </c>
      <c r="C1195" s="12" t="s">
        <v>545</v>
      </c>
    </row>
    <row r="1196" spans="1:3" ht="24">
      <c r="A1196" s="13">
        <v>1194</v>
      </c>
      <c r="B1196" s="10" t="s">
        <v>656</v>
      </c>
      <c r="C1196" s="12" t="s">
        <v>545</v>
      </c>
    </row>
    <row r="1197" spans="1:3" ht="24">
      <c r="A1197" s="10">
        <v>1195</v>
      </c>
      <c r="B1197" s="10" t="s">
        <v>657</v>
      </c>
      <c r="C1197" s="12" t="s">
        <v>545</v>
      </c>
    </row>
    <row r="1198" spans="1:3" ht="24">
      <c r="A1198" s="13">
        <v>1196</v>
      </c>
      <c r="B1198" s="10" t="s">
        <v>657</v>
      </c>
      <c r="C1198" s="12" t="s">
        <v>545</v>
      </c>
    </row>
    <row r="1199" spans="1:3" ht="24">
      <c r="A1199" s="13">
        <v>1197</v>
      </c>
      <c r="B1199" s="10" t="s">
        <v>658</v>
      </c>
      <c r="C1199" s="12" t="s">
        <v>545</v>
      </c>
    </row>
    <row r="1200" spans="1:3" ht="24">
      <c r="A1200" s="13">
        <v>1198</v>
      </c>
      <c r="B1200" s="10" t="s">
        <v>659</v>
      </c>
      <c r="C1200" s="12" t="s">
        <v>545</v>
      </c>
    </row>
    <row r="1201" spans="1:3" ht="24">
      <c r="A1201" s="10">
        <v>1199</v>
      </c>
      <c r="B1201" s="10" t="s">
        <v>660</v>
      </c>
      <c r="C1201" s="12" t="s">
        <v>545</v>
      </c>
    </row>
    <row r="1202" spans="1:3" ht="24">
      <c r="A1202" s="13">
        <v>1200</v>
      </c>
      <c r="B1202" s="10" t="s">
        <v>661</v>
      </c>
      <c r="C1202" s="12" t="s">
        <v>545</v>
      </c>
    </row>
    <row r="1203" spans="1:3" ht="24">
      <c r="A1203" s="13">
        <v>1201</v>
      </c>
      <c r="B1203" s="10" t="s">
        <v>662</v>
      </c>
      <c r="C1203" s="12" t="s">
        <v>545</v>
      </c>
    </row>
    <row r="1204" spans="1:3" ht="24">
      <c r="A1204" s="13">
        <v>1202</v>
      </c>
      <c r="B1204" s="10" t="s">
        <v>663</v>
      </c>
      <c r="C1204" s="12" t="s">
        <v>545</v>
      </c>
    </row>
    <row r="1205" spans="1:3" ht="24">
      <c r="A1205" s="10">
        <v>1203</v>
      </c>
      <c r="B1205" s="10" t="s">
        <v>664</v>
      </c>
      <c r="C1205" s="12" t="s">
        <v>545</v>
      </c>
    </row>
    <row r="1206" spans="1:3" ht="24">
      <c r="A1206" s="13">
        <v>1204</v>
      </c>
      <c r="B1206" s="10" t="s">
        <v>665</v>
      </c>
      <c r="C1206" s="12" t="s">
        <v>545</v>
      </c>
    </row>
    <row r="1207" spans="1:3" ht="24">
      <c r="A1207" s="13">
        <v>1205</v>
      </c>
      <c r="B1207" s="10" t="s">
        <v>666</v>
      </c>
      <c r="C1207" s="12" t="s">
        <v>545</v>
      </c>
    </row>
    <row r="1208" spans="1:3" ht="24">
      <c r="A1208" s="13">
        <v>1206</v>
      </c>
      <c r="B1208" s="10" t="s">
        <v>667</v>
      </c>
      <c r="C1208" s="12" t="s">
        <v>545</v>
      </c>
    </row>
    <row r="1209" spans="1:3" ht="24">
      <c r="A1209" s="10">
        <v>1207</v>
      </c>
      <c r="B1209" s="10" t="s">
        <v>668</v>
      </c>
      <c r="C1209" s="12" t="s">
        <v>545</v>
      </c>
    </row>
    <row r="1210" spans="1:3" ht="24">
      <c r="A1210" s="13">
        <v>1208</v>
      </c>
      <c r="B1210" s="10" t="s">
        <v>12</v>
      </c>
      <c r="C1210" s="12" t="s">
        <v>545</v>
      </c>
    </row>
    <row r="1211" spans="1:3" ht="24">
      <c r="A1211" s="13">
        <v>1209</v>
      </c>
      <c r="B1211" s="10" t="s">
        <v>12</v>
      </c>
      <c r="C1211" s="12" t="s">
        <v>545</v>
      </c>
    </row>
    <row r="1212" spans="1:3" ht="24">
      <c r="A1212" s="13">
        <v>1210</v>
      </c>
      <c r="B1212" s="10" t="s">
        <v>669</v>
      </c>
      <c r="C1212" s="12" t="s">
        <v>545</v>
      </c>
    </row>
    <row r="1213" spans="1:3" ht="24">
      <c r="A1213" s="10">
        <v>1211</v>
      </c>
      <c r="B1213" s="10" t="s">
        <v>670</v>
      </c>
      <c r="C1213" s="12" t="s">
        <v>545</v>
      </c>
    </row>
    <row r="1214" spans="1:3" ht="24">
      <c r="A1214" s="13">
        <v>1212</v>
      </c>
      <c r="B1214" s="10" t="s">
        <v>671</v>
      </c>
      <c r="C1214" s="12" t="s">
        <v>545</v>
      </c>
    </row>
    <row r="1215" spans="1:3" ht="24">
      <c r="A1215" s="13">
        <v>1213</v>
      </c>
      <c r="B1215" s="10" t="s">
        <v>672</v>
      </c>
      <c r="C1215" s="12" t="s">
        <v>545</v>
      </c>
    </row>
    <row r="1216" spans="1:3" ht="24">
      <c r="A1216" s="13">
        <v>1214</v>
      </c>
      <c r="B1216" s="10" t="s">
        <v>673</v>
      </c>
      <c r="C1216" s="12" t="s">
        <v>545</v>
      </c>
    </row>
    <row r="1217" spans="1:3" ht="24">
      <c r="A1217" s="10">
        <v>1215</v>
      </c>
      <c r="B1217" s="10" t="s">
        <v>674</v>
      </c>
      <c r="C1217" s="12" t="s">
        <v>545</v>
      </c>
    </row>
    <row r="1218" spans="1:3" ht="24">
      <c r="A1218" s="13">
        <v>1216</v>
      </c>
      <c r="B1218" s="10" t="s">
        <v>675</v>
      </c>
      <c r="C1218" s="12" t="s">
        <v>545</v>
      </c>
    </row>
    <row r="1219" spans="1:3" ht="24">
      <c r="A1219" s="13">
        <v>1217</v>
      </c>
      <c r="B1219" s="10" t="s">
        <v>675</v>
      </c>
      <c r="C1219" s="12" t="s">
        <v>545</v>
      </c>
    </row>
    <row r="1220" spans="1:3" ht="24">
      <c r="A1220" s="13">
        <v>1218</v>
      </c>
      <c r="B1220" s="10" t="s">
        <v>3</v>
      </c>
      <c r="C1220" s="12" t="s">
        <v>545</v>
      </c>
    </row>
    <row r="1221" spans="1:3" ht="24">
      <c r="A1221" s="10">
        <v>1219</v>
      </c>
      <c r="B1221" s="10" t="s">
        <v>676</v>
      </c>
      <c r="C1221" s="12" t="s">
        <v>545</v>
      </c>
    </row>
    <row r="1222" spans="1:3" ht="24">
      <c r="A1222" s="13">
        <v>1220</v>
      </c>
      <c r="B1222" s="10" t="s">
        <v>677</v>
      </c>
      <c r="C1222" s="12" t="s">
        <v>545</v>
      </c>
    </row>
    <row r="1223" spans="1:3" ht="24">
      <c r="A1223" s="13">
        <v>1221</v>
      </c>
      <c r="B1223" s="10" t="s">
        <v>678</v>
      </c>
      <c r="C1223" s="12" t="s">
        <v>545</v>
      </c>
    </row>
    <row r="1224" spans="1:3" ht="24">
      <c r="A1224" s="13">
        <v>1222</v>
      </c>
      <c r="B1224" s="10" t="s">
        <v>679</v>
      </c>
      <c r="C1224" s="12" t="s">
        <v>545</v>
      </c>
    </row>
    <row r="1225" spans="1:3" ht="24">
      <c r="A1225" s="10">
        <v>1223</v>
      </c>
      <c r="B1225" s="10" t="s">
        <v>591</v>
      </c>
      <c r="C1225" s="12" t="s">
        <v>545</v>
      </c>
    </row>
    <row r="1226" spans="1:3" ht="24">
      <c r="A1226" s="13">
        <v>1224</v>
      </c>
      <c r="B1226" s="10" t="s">
        <v>12</v>
      </c>
      <c r="C1226" s="12" t="s">
        <v>545</v>
      </c>
    </row>
    <row r="1227" spans="1:3" ht="24">
      <c r="A1227" s="13">
        <v>1225</v>
      </c>
      <c r="B1227" s="10" t="s">
        <v>680</v>
      </c>
      <c r="C1227" s="12" t="s">
        <v>545</v>
      </c>
    </row>
    <row r="1228" spans="1:3" ht="24">
      <c r="A1228" s="13">
        <v>1226</v>
      </c>
      <c r="B1228" s="10" t="s">
        <v>681</v>
      </c>
      <c r="C1228" s="12" t="s">
        <v>545</v>
      </c>
    </row>
    <row r="1229" spans="1:3" ht="24">
      <c r="A1229" s="10">
        <v>1227</v>
      </c>
      <c r="B1229" s="10" t="s">
        <v>172</v>
      </c>
      <c r="C1229" s="12" t="s">
        <v>545</v>
      </c>
    </row>
    <row r="1230" spans="1:3" ht="24">
      <c r="A1230" s="13">
        <v>1228</v>
      </c>
      <c r="B1230" s="10" t="s">
        <v>172</v>
      </c>
      <c r="C1230" s="12" t="s">
        <v>545</v>
      </c>
    </row>
    <row r="1231" spans="1:3" ht="24">
      <c r="A1231" s="13">
        <v>1229</v>
      </c>
      <c r="B1231" s="10" t="s">
        <v>421</v>
      </c>
      <c r="C1231" s="12" t="s">
        <v>545</v>
      </c>
    </row>
    <row r="1232" spans="1:3" ht="24">
      <c r="A1232" s="13">
        <v>1230</v>
      </c>
      <c r="B1232" s="10" t="s">
        <v>682</v>
      </c>
      <c r="C1232" s="12" t="s">
        <v>545</v>
      </c>
    </row>
    <row r="1233" spans="1:3" ht="24">
      <c r="A1233" s="10">
        <v>1231</v>
      </c>
      <c r="B1233" s="10" t="s">
        <v>683</v>
      </c>
      <c r="C1233" s="12" t="s">
        <v>545</v>
      </c>
    </row>
    <row r="1234" spans="1:3" ht="24">
      <c r="A1234" s="13">
        <v>1232</v>
      </c>
      <c r="B1234" s="10" t="s">
        <v>684</v>
      </c>
      <c r="C1234" s="12" t="s">
        <v>545</v>
      </c>
    </row>
    <row r="1235" spans="1:3" ht="24">
      <c r="A1235" s="13">
        <v>1233</v>
      </c>
      <c r="B1235" s="10" t="s">
        <v>665</v>
      </c>
      <c r="C1235" s="12" t="s">
        <v>545</v>
      </c>
    </row>
    <row r="1236" spans="1:3" ht="24">
      <c r="A1236" s="13">
        <v>1234</v>
      </c>
      <c r="B1236" s="10" t="s">
        <v>685</v>
      </c>
      <c r="C1236" s="12" t="s">
        <v>545</v>
      </c>
    </row>
    <row r="1237" spans="1:3" ht="24">
      <c r="A1237" s="10">
        <v>1235</v>
      </c>
      <c r="B1237" s="10" t="s">
        <v>686</v>
      </c>
      <c r="C1237" s="12" t="s">
        <v>545</v>
      </c>
    </row>
    <row r="1238" spans="1:3" ht="24">
      <c r="A1238" s="13">
        <v>1236</v>
      </c>
      <c r="B1238" s="10" t="s">
        <v>12</v>
      </c>
      <c r="C1238" s="12" t="s">
        <v>545</v>
      </c>
    </row>
    <row r="1239" spans="1:3" ht="24">
      <c r="A1239" s="13">
        <v>1237</v>
      </c>
      <c r="B1239" s="10" t="s">
        <v>687</v>
      </c>
      <c r="C1239" s="12" t="s">
        <v>545</v>
      </c>
    </row>
    <row r="1240" spans="1:3" ht="24">
      <c r="A1240" s="13">
        <v>1238</v>
      </c>
      <c r="B1240" s="10" t="s">
        <v>12</v>
      </c>
      <c r="C1240" s="12" t="s">
        <v>545</v>
      </c>
    </row>
    <row r="1241" spans="1:3" ht="24">
      <c r="A1241" s="10">
        <v>1239</v>
      </c>
      <c r="B1241" s="10" t="s">
        <v>688</v>
      </c>
      <c r="C1241" s="12" t="s">
        <v>545</v>
      </c>
    </row>
    <row r="1242" spans="1:3" ht="24">
      <c r="A1242" s="13">
        <v>1240</v>
      </c>
      <c r="B1242" s="10" t="s">
        <v>689</v>
      </c>
      <c r="C1242" s="12" t="s">
        <v>545</v>
      </c>
    </row>
    <row r="1243" spans="1:3" ht="24">
      <c r="A1243" s="13">
        <v>1241</v>
      </c>
      <c r="B1243" s="10" t="s">
        <v>690</v>
      </c>
      <c r="C1243" s="12" t="s">
        <v>545</v>
      </c>
    </row>
    <row r="1244" spans="1:3" ht="24">
      <c r="A1244" s="13">
        <v>1242</v>
      </c>
      <c r="B1244" s="10" t="s">
        <v>690</v>
      </c>
      <c r="C1244" s="12" t="s">
        <v>545</v>
      </c>
    </row>
    <row r="1245" spans="1:3" ht="24">
      <c r="A1245" s="10">
        <v>1243</v>
      </c>
      <c r="B1245" s="10" t="s">
        <v>12</v>
      </c>
      <c r="C1245" s="12" t="s">
        <v>545</v>
      </c>
    </row>
    <row r="1246" spans="1:3" ht="24">
      <c r="A1246" s="13">
        <v>1244</v>
      </c>
      <c r="B1246" s="10" t="s">
        <v>691</v>
      </c>
      <c r="C1246" s="12" t="s">
        <v>545</v>
      </c>
    </row>
    <row r="1247" spans="1:3" ht="24">
      <c r="A1247" s="13">
        <v>1245</v>
      </c>
      <c r="B1247" s="10" t="s">
        <v>692</v>
      </c>
      <c r="C1247" s="12" t="s">
        <v>545</v>
      </c>
    </row>
    <row r="1248" spans="1:3" ht="24">
      <c r="A1248" s="13">
        <v>1246</v>
      </c>
      <c r="B1248" s="10" t="s">
        <v>693</v>
      </c>
      <c r="C1248" s="12" t="s">
        <v>545</v>
      </c>
    </row>
    <row r="1249" spans="1:3" ht="24">
      <c r="A1249" s="10">
        <v>1247</v>
      </c>
      <c r="B1249" s="10" t="s">
        <v>694</v>
      </c>
      <c r="C1249" s="12" t="s">
        <v>545</v>
      </c>
    </row>
    <row r="1250" spans="1:3" ht="24">
      <c r="A1250" s="13">
        <v>1248</v>
      </c>
      <c r="B1250" s="10" t="s">
        <v>695</v>
      </c>
      <c r="C1250" s="12" t="s">
        <v>545</v>
      </c>
    </row>
    <row r="1251" spans="1:3" ht="24">
      <c r="A1251" s="13">
        <v>1249</v>
      </c>
      <c r="B1251" s="10" t="s">
        <v>695</v>
      </c>
      <c r="C1251" s="12" t="s">
        <v>545</v>
      </c>
    </row>
    <row r="1252" spans="1:3" ht="24">
      <c r="A1252" s="13">
        <v>1250</v>
      </c>
      <c r="B1252" s="10" t="s">
        <v>695</v>
      </c>
      <c r="C1252" s="12" t="s">
        <v>545</v>
      </c>
    </row>
    <row r="1253" spans="1:3" ht="24">
      <c r="A1253" s="10">
        <v>1251</v>
      </c>
      <c r="B1253" s="10" t="s">
        <v>695</v>
      </c>
      <c r="C1253" s="12" t="s">
        <v>545</v>
      </c>
    </row>
    <row r="1254" spans="1:3" ht="24">
      <c r="A1254" s="13">
        <v>1252</v>
      </c>
      <c r="B1254" s="10" t="s">
        <v>695</v>
      </c>
      <c r="C1254" s="12" t="s">
        <v>545</v>
      </c>
    </row>
    <row r="1255" spans="1:3" ht="24">
      <c r="A1255" s="13">
        <v>1253</v>
      </c>
      <c r="B1255" s="10" t="s">
        <v>696</v>
      </c>
      <c r="C1255" s="12" t="s">
        <v>545</v>
      </c>
    </row>
    <row r="1256" spans="1:3" ht="24">
      <c r="A1256" s="13">
        <v>1254</v>
      </c>
      <c r="B1256" s="10" t="s">
        <v>697</v>
      </c>
      <c r="C1256" s="12" t="s">
        <v>545</v>
      </c>
    </row>
    <row r="1257" spans="1:3" ht="24">
      <c r="A1257" s="10">
        <v>1255</v>
      </c>
      <c r="B1257" s="10" t="s">
        <v>698</v>
      </c>
      <c r="C1257" s="12" t="s">
        <v>545</v>
      </c>
    </row>
    <row r="1258" spans="1:3" ht="24">
      <c r="A1258" s="13">
        <v>1256</v>
      </c>
      <c r="B1258" s="10" t="s">
        <v>699</v>
      </c>
      <c r="C1258" s="12" t="s">
        <v>545</v>
      </c>
    </row>
    <row r="1259" spans="1:3" ht="24">
      <c r="A1259" s="13">
        <v>1257</v>
      </c>
      <c r="B1259" s="10" t="s">
        <v>700</v>
      </c>
      <c r="C1259" s="12" t="s">
        <v>545</v>
      </c>
    </row>
    <row r="1260" spans="1:3" ht="24">
      <c r="A1260" s="13">
        <v>1258</v>
      </c>
      <c r="B1260" s="10" t="s">
        <v>701</v>
      </c>
      <c r="C1260" s="12" t="s">
        <v>545</v>
      </c>
    </row>
    <row r="1261" spans="1:3" ht="24">
      <c r="A1261" s="10">
        <v>1259</v>
      </c>
      <c r="B1261" s="10" t="s">
        <v>702</v>
      </c>
      <c r="C1261" s="12" t="s">
        <v>545</v>
      </c>
    </row>
    <row r="1262" spans="1:3" ht="24">
      <c r="A1262" s="13">
        <v>1260</v>
      </c>
      <c r="B1262" s="10" t="s">
        <v>703</v>
      </c>
      <c r="C1262" s="12" t="s">
        <v>545</v>
      </c>
    </row>
    <row r="1263" spans="1:3" ht="31.5">
      <c r="A1263" s="13">
        <v>1261</v>
      </c>
      <c r="B1263" s="10" t="s">
        <v>704</v>
      </c>
      <c r="C1263" s="12" t="s">
        <v>545</v>
      </c>
    </row>
    <row r="1264" spans="1:3" ht="24">
      <c r="A1264" s="13">
        <v>1262</v>
      </c>
      <c r="B1264" s="10" t="s">
        <v>705</v>
      </c>
      <c r="C1264" s="12" t="s">
        <v>545</v>
      </c>
    </row>
    <row r="1265" spans="1:3" ht="24">
      <c r="A1265" s="10">
        <v>1263</v>
      </c>
      <c r="B1265" s="10" t="s">
        <v>706</v>
      </c>
      <c r="C1265" s="12" t="s">
        <v>545</v>
      </c>
    </row>
    <row r="1266" spans="1:3" ht="24">
      <c r="A1266" s="13">
        <v>1264</v>
      </c>
      <c r="B1266" s="10" t="s">
        <v>707</v>
      </c>
      <c r="C1266" s="12" t="s">
        <v>545</v>
      </c>
    </row>
    <row r="1267" spans="1:3" ht="24">
      <c r="A1267" s="13">
        <v>1265</v>
      </c>
      <c r="B1267" s="10" t="s">
        <v>707</v>
      </c>
      <c r="C1267" s="12" t="s">
        <v>545</v>
      </c>
    </row>
    <row r="1268" spans="1:3" ht="24">
      <c r="A1268" s="13">
        <v>1266</v>
      </c>
      <c r="B1268" s="10" t="s">
        <v>707</v>
      </c>
      <c r="C1268" s="12" t="s">
        <v>545</v>
      </c>
    </row>
    <row r="1269" spans="1:3" ht="24">
      <c r="A1269" s="10">
        <v>1267</v>
      </c>
      <c r="B1269" s="10" t="s">
        <v>707</v>
      </c>
      <c r="C1269" s="12" t="s">
        <v>545</v>
      </c>
    </row>
    <row r="1270" spans="1:3" ht="24">
      <c r="A1270" s="13">
        <v>1268</v>
      </c>
      <c r="B1270" s="10" t="s">
        <v>707</v>
      </c>
      <c r="C1270" s="12" t="s">
        <v>545</v>
      </c>
    </row>
    <row r="1271" spans="1:3" ht="24">
      <c r="A1271" s="13">
        <v>1269</v>
      </c>
      <c r="B1271" s="10" t="s">
        <v>707</v>
      </c>
      <c r="C1271" s="12" t="s">
        <v>545</v>
      </c>
    </row>
    <row r="1272" spans="1:3" ht="24">
      <c r="A1272" s="13">
        <v>1270</v>
      </c>
      <c r="B1272" s="10" t="s">
        <v>707</v>
      </c>
      <c r="C1272" s="12" t="s">
        <v>545</v>
      </c>
    </row>
    <row r="1273" spans="1:3" ht="24">
      <c r="A1273" s="10">
        <v>1271</v>
      </c>
      <c r="B1273" s="10" t="s">
        <v>707</v>
      </c>
      <c r="C1273" s="12" t="s">
        <v>545</v>
      </c>
    </row>
    <row r="1274" spans="1:3" ht="24">
      <c r="A1274" s="13">
        <v>1272</v>
      </c>
      <c r="B1274" s="10" t="s">
        <v>707</v>
      </c>
      <c r="C1274" s="12" t="s">
        <v>545</v>
      </c>
    </row>
    <row r="1275" spans="1:3" ht="24">
      <c r="A1275" s="13">
        <v>1273</v>
      </c>
      <c r="B1275" s="10" t="s">
        <v>707</v>
      </c>
      <c r="C1275" s="12" t="s">
        <v>545</v>
      </c>
    </row>
    <row r="1276" spans="1:3" ht="24">
      <c r="A1276" s="13">
        <v>1274</v>
      </c>
      <c r="B1276" s="10" t="s">
        <v>707</v>
      </c>
      <c r="C1276" s="12" t="s">
        <v>545</v>
      </c>
    </row>
    <row r="1277" spans="1:3" ht="24">
      <c r="A1277" s="10">
        <v>1275</v>
      </c>
      <c r="B1277" s="10" t="s">
        <v>707</v>
      </c>
      <c r="C1277" s="12" t="s">
        <v>545</v>
      </c>
    </row>
    <row r="1278" spans="1:3" ht="24">
      <c r="A1278" s="13">
        <v>1276</v>
      </c>
      <c r="B1278" s="10" t="s">
        <v>707</v>
      </c>
      <c r="C1278" s="12" t="s">
        <v>545</v>
      </c>
    </row>
    <row r="1279" spans="1:3" ht="24">
      <c r="A1279" s="13">
        <v>1277</v>
      </c>
      <c r="B1279" s="10" t="s">
        <v>707</v>
      </c>
      <c r="C1279" s="12" t="s">
        <v>545</v>
      </c>
    </row>
    <row r="1280" spans="1:3" ht="24">
      <c r="A1280" s="13">
        <v>1278</v>
      </c>
      <c r="B1280" s="10" t="s">
        <v>707</v>
      </c>
      <c r="C1280" s="12" t="s">
        <v>545</v>
      </c>
    </row>
    <row r="1281" spans="1:3" ht="24">
      <c r="A1281" s="10">
        <v>1279</v>
      </c>
      <c r="B1281" s="10" t="s">
        <v>707</v>
      </c>
      <c r="C1281" s="12" t="s">
        <v>545</v>
      </c>
    </row>
    <row r="1282" spans="1:3" ht="24">
      <c r="A1282" s="13">
        <v>1280</v>
      </c>
      <c r="B1282" s="10" t="s">
        <v>707</v>
      </c>
      <c r="C1282" s="12" t="s">
        <v>545</v>
      </c>
    </row>
    <row r="1283" spans="1:3" ht="24">
      <c r="A1283" s="13">
        <v>1281</v>
      </c>
      <c r="B1283" s="10" t="s">
        <v>707</v>
      </c>
      <c r="C1283" s="12" t="s">
        <v>545</v>
      </c>
    </row>
    <row r="1284" spans="1:3" ht="24">
      <c r="A1284" s="13">
        <v>1282</v>
      </c>
      <c r="B1284" s="10" t="s">
        <v>707</v>
      </c>
      <c r="C1284" s="12" t="s">
        <v>545</v>
      </c>
    </row>
    <row r="1285" spans="1:3" ht="24">
      <c r="A1285" s="10">
        <v>1283</v>
      </c>
      <c r="B1285" s="10" t="s">
        <v>708</v>
      </c>
      <c r="C1285" s="12" t="s">
        <v>545</v>
      </c>
    </row>
    <row r="1286" spans="1:3" ht="31.5">
      <c r="A1286" s="13">
        <v>1284</v>
      </c>
      <c r="B1286" s="10" t="s">
        <v>709</v>
      </c>
      <c r="C1286" s="12" t="s">
        <v>545</v>
      </c>
    </row>
    <row r="1287" spans="1:3" ht="31.5">
      <c r="A1287" s="13">
        <v>1285</v>
      </c>
      <c r="B1287" s="10" t="s">
        <v>710</v>
      </c>
      <c r="C1287" s="12" t="s">
        <v>545</v>
      </c>
    </row>
    <row r="1288" spans="1:3" ht="24">
      <c r="A1288" s="13">
        <v>1286</v>
      </c>
      <c r="B1288" s="10" t="s">
        <v>711</v>
      </c>
      <c r="C1288" s="12" t="s">
        <v>545</v>
      </c>
    </row>
    <row r="1289" spans="1:3" ht="24">
      <c r="A1289" s="10">
        <v>1287</v>
      </c>
      <c r="B1289" s="10" t="s">
        <v>712</v>
      </c>
      <c r="C1289" s="12" t="s">
        <v>545</v>
      </c>
    </row>
    <row r="1290" spans="1:3" ht="24">
      <c r="A1290" s="13">
        <v>1288</v>
      </c>
      <c r="B1290" s="10" t="s">
        <v>713</v>
      </c>
      <c r="C1290" s="12" t="s">
        <v>545</v>
      </c>
    </row>
    <row r="1291" spans="1:3" ht="24">
      <c r="A1291" s="13">
        <v>1289</v>
      </c>
      <c r="B1291" s="10" t="s">
        <v>714</v>
      </c>
      <c r="C1291" s="12" t="s">
        <v>545</v>
      </c>
    </row>
    <row r="1292" spans="1:3" ht="24">
      <c r="A1292" s="13">
        <v>1290</v>
      </c>
      <c r="B1292" s="10" t="s">
        <v>715</v>
      </c>
      <c r="C1292" s="12" t="s">
        <v>545</v>
      </c>
    </row>
    <row r="1293" spans="1:3" ht="24">
      <c r="A1293" s="10">
        <v>1291</v>
      </c>
      <c r="B1293" s="10" t="s">
        <v>716</v>
      </c>
      <c r="C1293" s="12" t="s">
        <v>545</v>
      </c>
    </row>
    <row r="1294" spans="1:3" ht="24">
      <c r="A1294" s="13">
        <v>1292</v>
      </c>
      <c r="B1294" s="10" t="s">
        <v>716</v>
      </c>
      <c r="C1294" s="12" t="s">
        <v>545</v>
      </c>
    </row>
    <row r="1295" spans="1:3" ht="24">
      <c r="A1295" s="13">
        <v>1293</v>
      </c>
      <c r="B1295" s="10" t="s">
        <v>717</v>
      </c>
      <c r="C1295" s="12" t="s">
        <v>545</v>
      </c>
    </row>
    <row r="1296" spans="1:3" ht="24">
      <c r="A1296" s="13">
        <v>1294</v>
      </c>
      <c r="B1296" s="10" t="s">
        <v>718</v>
      </c>
      <c r="C1296" s="12" t="s">
        <v>545</v>
      </c>
    </row>
    <row r="1297" spans="1:3" ht="24">
      <c r="A1297" s="10">
        <v>1295</v>
      </c>
      <c r="B1297" s="10" t="s">
        <v>719</v>
      </c>
      <c r="C1297" s="12" t="s">
        <v>545</v>
      </c>
    </row>
    <row r="1298" spans="1:3" ht="24">
      <c r="A1298" s="13">
        <v>1296</v>
      </c>
      <c r="B1298" s="10" t="s">
        <v>719</v>
      </c>
      <c r="C1298" s="12" t="s">
        <v>545</v>
      </c>
    </row>
    <row r="1299" spans="1:3" ht="24">
      <c r="A1299" s="13">
        <v>1297</v>
      </c>
      <c r="B1299" s="10" t="s">
        <v>719</v>
      </c>
      <c r="C1299" s="12" t="s">
        <v>545</v>
      </c>
    </row>
    <row r="1300" spans="1:3" ht="24">
      <c r="A1300" s="13">
        <v>1298</v>
      </c>
      <c r="B1300" s="10" t="s">
        <v>719</v>
      </c>
      <c r="C1300" s="12" t="s">
        <v>545</v>
      </c>
    </row>
    <row r="1301" spans="1:3" ht="24">
      <c r="A1301" s="10">
        <v>1299</v>
      </c>
      <c r="B1301" s="10" t="s">
        <v>719</v>
      </c>
      <c r="C1301" s="12" t="s">
        <v>545</v>
      </c>
    </row>
    <row r="1302" spans="1:3" ht="24">
      <c r="A1302" s="13">
        <v>1300</v>
      </c>
      <c r="B1302" s="10" t="s">
        <v>12</v>
      </c>
      <c r="C1302" s="12" t="s">
        <v>545</v>
      </c>
    </row>
    <row r="1303" spans="1:3" ht="24">
      <c r="A1303" s="13">
        <v>1301</v>
      </c>
      <c r="B1303" s="10" t="s">
        <v>720</v>
      </c>
      <c r="C1303" s="12" t="s">
        <v>545</v>
      </c>
    </row>
    <row r="1304" spans="1:3" ht="24">
      <c r="A1304" s="13">
        <v>1302</v>
      </c>
      <c r="B1304" s="10" t="s">
        <v>721</v>
      </c>
      <c r="C1304" s="12" t="s">
        <v>545</v>
      </c>
    </row>
    <row r="1305" spans="1:3" ht="24">
      <c r="A1305" s="10">
        <v>1303</v>
      </c>
      <c r="B1305" s="10" t="s">
        <v>722</v>
      </c>
      <c r="C1305" s="12" t="s">
        <v>545</v>
      </c>
    </row>
    <row r="1306" spans="1:3" ht="24">
      <c r="A1306" s="13">
        <v>1304</v>
      </c>
      <c r="B1306" s="10" t="s">
        <v>723</v>
      </c>
      <c r="C1306" s="12" t="s">
        <v>545</v>
      </c>
    </row>
    <row r="1307" spans="1:3" ht="24">
      <c r="A1307" s="13">
        <v>1305</v>
      </c>
      <c r="B1307" s="10" t="s">
        <v>724</v>
      </c>
      <c r="C1307" s="12" t="s">
        <v>545</v>
      </c>
    </row>
    <row r="1308" spans="1:3" ht="24">
      <c r="A1308" s="13">
        <v>1306</v>
      </c>
      <c r="B1308" s="10" t="s">
        <v>725</v>
      </c>
      <c r="C1308" s="12" t="s">
        <v>545</v>
      </c>
    </row>
    <row r="1309" spans="1:3" ht="24">
      <c r="A1309" s="10">
        <v>1307</v>
      </c>
      <c r="B1309" s="10" t="s">
        <v>726</v>
      </c>
      <c r="C1309" s="12" t="s">
        <v>545</v>
      </c>
    </row>
    <row r="1310" spans="1:3" ht="24">
      <c r="A1310" s="13">
        <v>1308</v>
      </c>
      <c r="B1310" s="10" t="s">
        <v>727</v>
      </c>
      <c r="C1310" s="12" t="s">
        <v>545</v>
      </c>
    </row>
    <row r="1311" spans="1:3" ht="24">
      <c r="A1311" s="13">
        <v>1309</v>
      </c>
      <c r="B1311" s="10" t="s">
        <v>728</v>
      </c>
      <c r="C1311" s="12" t="s">
        <v>545</v>
      </c>
    </row>
    <row r="1312" spans="1:3" ht="24">
      <c r="A1312" s="13">
        <v>1310</v>
      </c>
      <c r="B1312" s="10" t="s">
        <v>729</v>
      </c>
      <c r="C1312" s="12" t="s">
        <v>545</v>
      </c>
    </row>
    <row r="1313" spans="1:3" ht="24">
      <c r="A1313" s="10">
        <v>1311</v>
      </c>
      <c r="B1313" s="10" t="s">
        <v>730</v>
      </c>
      <c r="C1313" s="12" t="s">
        <v>545</v>
      </c>
    </row>
    <row r="1314" spans="1:3" ht="24">
      <c r="A1314" s="13">
        <v>1312</v>
      </c>
      <c r="B1314" s="10" t="s">
        <v>731</v>
      </c>
      <c r="C1314" s="12" t="s">
        <v>545</v>
      </c>
    </row>
    <row r="1315" spans="1:3" ht="24">
      <c r="A1315" s="13">
        <v>1313</v>
      </c>
      <c r="B1315" s="10" t="s">
        <v>731</v>
      </c>
      <c r="C1315" s="12" t="s">
        <v>545</v>
      </c>
    </row>
    <row r="1316" spans="1:3" ht="24">
      <c r="A1316" s="13">
        <v>1314</v>
      </c>
      <c r="B1316" s="10" t="s">
        <v>731</v>
      </c>
      <c r="C1316" s="12" t="s">
        <v>545</v>
      </c>
    </row>
    <row r="1317" spans="1:3" ht="24">
      <c r="A1317" s="10">
        <v>1315</v>
      </c>
      <c r="B1317" s="10" t="s">
        <v>731</v>
      </c>
      <c r="C1317" s="12" t="s">
        <v>545</v>
      </c>
    </row>
    <row r="1318" spans="1:3" ht="24">
      <c r="A1318" s="13">
        <v>1316</v>
      </c>
      <c r="B1318" s="10" t="s">
        <v>732</v>
      </c>
      <c r="C1318" s="12" t="s">
        <v>545</v>
      </c>
    </row>
    <row r="1319" spans="1:3" ht="24">
      <c r="A1319" s="13">
        <v>1317</v>
      </c>
      <c r="B1319" s="10" t="s">
        <v>733</v>
      </c>
      <c r="C1319" s="12" t="s">
        <v>545</v>
      </c>
    </row>
    <row r="1320" spans="1:3" ht="24">
      <c r="A1320" s="13">
        <v>1318</v>
      </c>
      <c r="B1320" s="10" t="s">
        <v>734</v>
      </c>
      <c r="C1320" s="12" t="s">
        <v>545</v>
      </c>
    </row>
    <row r="1321" spans="1:3" ht="24">
      <c r="A1321" s="10">
        <v>1319</v>
      </c>
      <c r="B1321" s="10" t="s">
        <v>735</v>
      </c>
      <c r="C1321" s="12" t="s">
        <v>545</v>
      </c>
    </row>
    <row r="1322" spans="1:3" ht="24">
      <c r="A1322" s="13">
        <v>1320</v>
      </c>
      <c r="B1322" s="10" t="s">
        <v>735</v>
      </c>
      <c r="C1322" s="12" t="s">
        <v>545</v>
      </c>
    </row>
    <row r="1323" spans="1:3" ht="24">
      <c r="A1323" s="13">
        <v>1321</v>
      </c>
      <c r="B1323" s="10" t="s">
        <v>736</v>
      </c>
      <c r="C1323" s="12" t="s">
        <v>545</v>
      </c>
    </row>
    <row r="1324" spans="1:3" ht="24">
      <c r="A1324" s="13">
        <v>1322</v>
      </c>
      <c r="B1324" s="10" t="s">
        <v>737</v>
      </c>
      <c r="C1324" s="12" t="s">
        <v>545</v>
      </c>
    </row>
    <row r="1325" spans="1:3" ht="24">
      <c r="A1325" s="10">
        <v>1323</v>
      </c>
      <c r="B1325" s="10" t="s">
        <v>738</v>
      </c>
      <c r="C1325" s="12" t="s">
        <v>545</v>
      </c>
    </row>
    <row r="1326" spans="1:3" ht="24">
      <c r="A1326" s="13">
        <v>1324</v>
      </c>
      <c r="B1326" s="10" t="s">
        <v>739</v>
      </c>
      <c r="C1326" s="12" t="s">
        <v>545</v>
      </c>
    </row>
    <row r="1327" spans="1:3" ht="24">
      <c r="A1327" s="13">
        <v>1325</v>
      </c>
      <c r="B1327" s="10" t="s">
        <v>741</v>
      </c>
      <c r="C1327" s="12" t="s">
        <v>545</v>
      </c>
    </row>
    <row r="1328" spans="1:3" ht="24">
      <c r="A1328" s="13">
        <v>1326</v>
      </c>
      <c r="B1328" s="10" t="s">
        <v>742</v>
      </c>
      <c r="C1328" s="12" t="s">
        <v>545</v>
      </c>
    </row>
    <row r="1329" spans="1:3" ht="24">
      <c r="A1329" s="10">
        <v>1327</v>
      </c>
      <c r="B1329" s="10" t="s">
        <v>743</v>
      </c>
      <c r="C1329" s="12" t="s">
        <v>545</v>
      </c>
    </row>
    <row r="1330" spans="1:3" ht="24">
      <c r="A1330" s="13">
        <v>1328</v>
      </c>
      <c r="B1330" s="10" t="s">
        <v>744</v>
      </c>
      <c r="C1330" s="12" t="s">
        <v>545</v>
      </c>
    </row>
    <row r="1331" spans="1:3" ht="24">
      <c r="A1331" s="13">
        <v>1329</v>
      </c>
      <c r="B1331" s="10" t="s">
        <v>744</v>
      </c>
      <c r="C1331" s="12" t="s">
        <v>545</v>
      </c>
    </row>
    <row r="1332" spans="1:3" ht="24">
      <c r="A1332" s="13">
        <v>1330</v>
      </c>
      <c r="B1332" s="10" t="s">
        <v>745</v>
      </c>
      <c r="C1332" s="12" t="s">
        <v>545</v>
      </c>
    </row>
    <row r="1333" spans="1:3" ht="24">
      <c r="A1333" s="10">
        <v>1331</v>
      </c>
      <c r="B1333" s="10" t="s">
        <v>745</v>
      </c>
      <c r="C1333" s="12" t="s">
        <v>545</v>
      </c>
    </row>
    <row r="1334" spans="1:3" ht="24">
      <c r="A1334" s="13">
        <v>1332</v>
      </c>
      <c r="B1334" s="10" t="s">
        <v>746</v>
      </c>
      <c r="C1334" s="12" t="s">
        <v>545</v>
      </c>
    </row>
    <row r="1335" spans="1:3" ht="24">
      <c r="A1335" s="13">
        <v>1333</v>
      </c>
      <c r="B1335" s="10" t="s">
        <v>747</v>
      </c>
      <c r="C1335" s="12" t="s">
        <v>545</v>
      </c>
    </row>
    <row r="1336" spans="1:3" ht="24">
      <c r="A1336" s="13">
        <v>1334</v>
      </c>
      <c r="B1336" s="10" t="s">
        <v>748</v>
      </c>
      <c r="C1336" s="12" t="s">
        <v>545</v>
      </c>
    </row>
    <row r="1337" spans="1:3" ht="24">
      <c r="A1337" s="10">
        <v>1335</v>
      </c>
      <c r="B1337" s="10" t="s">
        <v>749</v>
      </c>
      <c r="C1337" s="12" t="s">
        <v>545</v>
      </c>
    </row>
    <row r="1338" spans="1:3" ht="24">
      <c r="A1338" s="13">
        <v>1336</v>
      </c>
      <c r="B1338" s="10" t="s">
        <v>750</v>
      </c>
      <c r="C1338" s="12" t="s">
        <v>545</v>
      </c>
    </row>
    <row r="1339" spans="1:3" ht="24">
      <c r="A1339" s="13">
        <v>1337</v>
      </c>
      <c r="B1339" s="10" t="s">
        <v>751</v>
      </c>
      <c r="C1339" s="12" t="s">
        <v>545</v>
      </c>
    </row>
    <row r="1340" spans="1:3" ht="24">
      <c r="A1340" s="13">
        <v>1338</v>
      </c>
      <c r="B1340" s="10" t="s">
        <v>752</v>
      </c>
      <c r="C1340" s="12" t="s">
        <v>545</v>
      </c>
    </row>
    <row r="1341" spans="1:3" ht="24">
      <c r="A1341" s="10">
        <v>1339</v>
      </c>
      <c r="B1341" s="10" t="s">
        <v>753</v>
      </c>
      <c r="C1341" s="12" t="s">
        <v>545</v>
      </c>
    </row>
    <row r="1342" spans="1:3" ht="24">
      <c r="A1342" s="13">
        <v>1340</v>
      </c>
      <c r="B1342" s="10" t="s">
        <v>754</v>
      </c>
      <c r="C1342" s="12" t="s">
        <v>545</v>
      </c>
    </row>
    <row r="1343" spans="1:3" ht="24">
      <c r="A1343" s="13">
        <v>1341</v>
      </c>
      <c r="B1343" s="10" t="s">
        <v>755</v>
      </c>
      <c r="C1343" s="12" t="s">
        <v>545</v>
      </c>
    </row>
    <row r="1344" spans="1:3" ht="24">
      <c r="A1344" s="13">
        <v>1342</v>
      </c>
      <c r="B1344" s="10" t="s">
        <v>756</v>
      </c>
      <c r="C1344" s="12" t="s">
        <v>545</v>
      </c>
    </row>
    <row r="1345" spans="1:3" ht="31.5">
      <c r="A1345" s="10">
        <v>1343</v>
      </c>
      <c r="B1345" s="10" t="s">
        <v>757</v>
      </c>
      <c r="C1345" s="12" t="s">
        <v>545</v>
      </c>
    </row>
    <row r="1346" spans="1:3" ht="24">
      <c r="A1346" s="13">
        <v>1344</v>
      </c>
      <c r="B1346" s="10" t="s">
        <v>758</v>
      </c>
      <c r="C1346" s="12" t="s">
        <v>545</v>
      </c>
    </row>
    <row r="1347" spans="1:3" ht="24">
      <c r="A1347" s="13">
        <v>1345</v>
      </c>
      <c r="B1347" s="10" t="s">
        <v>759</v>
      </c>
      <c r="C1347" s="12" t="s">
        <v>545</v>
      </c>
    </row>
    <row r="1348" spans="1:3" ht="31.5">
      <c r="A1348" s="13">
        <v>1346</v>
      </c>
      <c r="B1348" s="10" t="s">
        <v>760</v>
      </c>
      <c r="C1348" s="12" t="s">
        <v>545</v>
      </c>
    </row>
    <row r="1349" spans="1:3" ht="31.5">
      <c r="A1349" s="10">
        <v>1347</v>
      </c>
      <c r="B1349" s="10" t="s">
        <v>761</v>
      </c>
      <c r="C1349" s="12" t="s">
        <v>545</v>
      </c>
    </row>
    <row r="1350" spans="1:3" ht="24">
      <c r="A1350" s="13">
        <v>1348</v>
      </c>
      <c r="B1350" s="10" t="s">
        <v>762</v>
      </c>
      <c r="C1350" s="12" t="s">
        <v>545</v>
      </c>
    </row>
    <row r="1351" spans="1:3" ht="24">
      <c r="A1351" s="13">
        <v>1349</v>
      </c>
      <c r="B1351" s="10" t="s">
        <v>763</v>
      </c>
      <c r="C1351" s="12" t="s">
        <v>545</v>
      </c>
    </row>
    <row r="1352" spans="1:3" ht="24">
      <c r="A1352" s="13">
        <v>1350</v>
      </c>
      <c r="B1352" s="10" t="s">
        <v>763</v>
      </c>
      <c r="C1352" s="12" t="s">
        <v>545</v>
      </c>
    </row>
    <row r="1353" spans="1:3" ht="24">
      <c r="A1353" s="10">
        <v>1351</v>
      </c>
      <c r="B1353" s="10" t="s">
        <v>763</v>
      </c>
      <c r="C1353" s="12" t="s">
        <v>545</v>
      </c>
    </row>
    <row r="1354" spans="1:3" ht="24">
      <c r="A1354" s="13">
        <v>1352</v>
      </c>
      <c r="B1354" s="10" t="s">
        <v>763</v>
      </c>
      <c r="C1354" s="12" t="s">
        <v>545</v>
      </c>
    </row>
    <row r="1355" spans="1:3" ht="24">
      <c r="A1355" s="13">
        <v>1353</v>
      </c>
      <c r="B1355" s="10" t="s">
        <v>763</v>
      </c>
      <c r="C1355" s="12" t="s">
        <v>545</v>
      </c>
    </row>
    <row r="1356" spans="1:3" ht="24">
      <c r="A1356" s="13">
        <v>1354</v>
      </c>
      <c r="B1356" s="10" t="s">
        <v>764</v>
      </c>
      <c r="C1356" s="12" t="s">
        <v>545</v>
      </c>
    </row>
    <row r="1357" spans="1:3" ht="24">
      <c r="A1357" s="10">
        <v>1355</v>
      </c>
      <c r="B1357" s="10" t="s">
        <v>765</v>
      </c>
      <c r="C1357" s="12" t="s">
        <v>545</v>
      </c>
    </row>
    <row r="1358" spans="1:3" ht="24">
      <c r="A1358" s="13">
        <v>1356</v>
      </c>
      <c r="B1358" s="10" t="s">
        <v>766</v>
      </c>
      <c r="C1358" s="12" t="s">
        <v>545</v>
      </c>
    </row>
    <row r="1359" spans="1:3" ht="24">
      <c r="A1359" s="13">
        <v>1357</v>
      </c>
      <c r="B1359" s="10" t="s">
        <v>767</v>
      </c>
      <c r="C1359" s="12" t="s">
        <v>545</v>
      </c>
    </row>
    <row r="1360" spans="1:3" ht="24">
      <c r="A1360" s="13">
        <v>1358</v>
      </c>
      <c r="B1360" s="10" t="s">
        <v>768</v>
      </c>
      <c r="C1360" s="12" t="s">
        <v>545</v>
      </c>
    </row>
    <row r="1361" spans="1:3" ht="24">
      <c r="A1361" s="10">
        <v>1359</v>
      </c>
      <c r="B1361" s="10" t="s">
        <v>769</v>
      </c>
      <c r="C1361" s="12" t="s">
        <v>545</v>
      </c>
    </row>
    <row r="1362" spans="1:3" ht="24">
      <c r="A1362" s="13">
        <v>1360</v>
      </c>
      <c r="B1362" s="10" t="s">
        <v>770</v>
      </c>
      <c r="C1362" s="12" t="s">
        <v>545</v>
      </c>
    </row>
    <row r="1363" spans="1:3" ht="24">
      <c r="A1363" s="13">
        <v>1361</v>
      </c>
      <c r="B1363" s="10" t="s">
        <v>771</v>
      </c>
      <c r="C1363" s="12" t="s">
        <v>545</v>
      </c>
    </row>
    <row r="1364" spans="1:3" ht="24">
      <c r="A1364" s="13">
        <v>1362</v>
      </c>
      <c r="B1364" s="10" t="s">
        <v>771</v>
      </c>
      <c r="C1364" s="12" t="s">
        <v>545</v>
      </c>
    </row>
    <row r="1365" spans="1:3" ht="24">
      <c r="A1365" s="10">
        <v>1363</v>
      </c>
      <c r="B1365" s="10" t="s">
        <v>772</v>
      </c>
      <c r="C1365" s="12" t="s">
        <v>545</v>
      </c>
    </row>
    <row r="1366" spans="1:3" ht="24">
      <c r="A1366" s="13">
        <v>1364</v>
      </c>
      <c r="B1366" s="10" t="s">
        <v>772</v>
      </c>
      <c r="C1366" s="12" t="s">
        <v>545</v>
      </c>
    </row>
    <row r="1367" spans="1:3" ht="24">
      <c r="A1367" s="13">
        <v>1365</v>
      </c>
      <c r="B1367" s="10" t="s">
        <v>773</v>
      </c>
      <c r="C1367" s="12" t="s">
        <v>545</v>
      </c>
    </row>
    <row r="1368" spans="1:3" ht="24">
      <c r="A1368" s="13">
        <v>1366</v>
      </c>
      <c r="B1368" s="10" t="s">
        <v>773</v>
      </c>
      <c r="C1368" s="12" t="s">
        <v>545</v>
      </c>
    </row>
    <row r="1369" spans="1:3" ht="24">
      <c r="A1369" s="10">
        <v>1367</v>
      </c>
      <c r="B1369" s="10" t="s">
        <v>773</v>
      </c>
      <c r="C1369" s="12" t="s">
        <v>545</v>
      </c>
    </row>
    <row r="1370" spans="1:3" ht="24">
      <c r="A1370" s="13">
        <v>1368</v>
      </c>
      <c r="B1370" s="10" t="s">
        <v>774</v>
      </c>
      <c r="C1370" s="12" t="s">
        <v>545</v>
      </c>
    </row>
    <row r="1371" spans="1:3" ht="24">
      <c r="A1371" s="13">
        <v>1369</v>
      </c>
      <c r="B1371" s="10" t="s">
        <v>774</v>
      </c>
      <c r="C1371" s="12" t="s">
        <v>545</v>
      </c>
    </row>
    <row r="1372" spans="1:3" ht="24">
      <c r="A1372" s="13">
        <v>1370</v>
      </c>
      <c r="B1372" s="10" t="s">
        <v>774</v>
      </c>
      <c r="C1372" s="12" t="s">
        <v>545</v>
      </c>
    </row>
    <row r="1373" spans="1:3" ht="24">
      <c r="A1373" s="10">
        <v>1371</v>
      </c>
      <c r="B1373" s="10" t="s">
        <v>775</v>
      </c>
      <c r="C1373" s="12" t="s">
        <v>545</v>
      </c>
    </row>
    <row r="1374" spans="1:3" ht="24">
      <c r="A1374" s="13">
        <v>1372</v>
      </c>
      <c r="B1374" s="10" t="s">
        <v>776</v>
      </c>
      <c r="C1374" s="12" t="s">
        <v>545</v>
      </c>
    </row>
    <row r="1375" spans="1:3" ht="24">
      <c r="A1375" s="13">
        <v>1373</v>
      </c>
      <c r="B1375" s="10" t="s">
        <v>777</v>
      </c>
      <c r="C1375" s="12" t="s">
        <v>545</v>
      </c>
    </row>
    <row r="1376" spans="1:3" ht="24">
      <c r="A1376" s="13">
        <v>1374</v>
      </c>
      <c r="B1376" s="10" t="s">
        <v>778</v>
      </c>
      <c r="C1376" s="12" t="s">
        <v>545</v>
      </c>
    </row>
    <row r="1377" spans="1:3" ht="24">
      <c r="A1377" s="10">
        <v>1375</v>
      </c>
      <c r="B1377" s="10" t="s">
        <v>779</v>
      </c>
      <c r="C1377" s="12" t="s">
        <v>545</v>
      </c>
    </row>
    <row r="1378" spans="1:3" ht="24">
      <c r="A1378" s="13">
        <v>1376</v>
      </c>
      <c r="B1378" s="10" t="s">
        <v>587</v>
      </c>
      <c r="C1378" s="12" t="s">
        <v>545</v>
      </c>
    </row>
    <row r="1379" spans="1:3" ht="24">
      <c r="A1379" s="13">
        <v>1377</v>
      </c>
      <c r="B1379" s="10" t="s">
        <v>780</v>
      </c>
      <c r="C1379" s="12" t="s">
        <v>545</v>
      </c>
    </row>
    <row r="1380" spans="1:3" ht="24">
      <c r="A1380" s="13">
        <v>1378</v>
      </c>
      <c r="B1380" s="10" t="s">
        <v>781</v>
      </c>
      <c r="C1380" s="12" t="s">
        <v>545</v>
      </c>
    </row>
    <row r="1381" spans="1:3" ht="24">
      <c r="A1381" s="10">
        <v>1379</v>
      </c>
      <c r="B1381" s="10" t="s">
        <v>782</v>
      </c>
      <c r="C1381" s="12" t="s">
        <v>545</v>
      </c>
    </row>
    <row r="1382" spans="1:3" ht="24">
      <c r="A1382" s="13">
        <v>1380</v>
      </c>
      <c r="B1382" s="10" t="s">
        <v>783</v>
      </c>
      <c r="C1382" s="12" t="s">
        <v>545</v>
      </c>
    </row>
    <row r="1383" spans="1:3" ht="24">
      <c r="A1383" s="13">
        <v>1381</v>
      </c>
      <c r="B1383" s="10" t="s">
        <v>784</v>
      </c>
      <c r="C1383" s="12" t="s">
        <v>545</v>
      </c>
    </row>
    <row r="1384" spans="1:3" ht="24">
      <c r="A1384" s="13">
        <v>1382</v>
      </c>
      <c r="B1384" s="10" t="s">
        <v>785</v>
      </c>
      <c r="C1384" s="12" t="s">
        <v>545</v>
      </c>
    </row>
    <row r="1385" spans="1:3" ht="24">
      <c r="A1385" s="10">
        <v>1383</v>
      </c>
      <c r="B1385" s="10" t="s">
        <v>786</v>
      </c>
      <c r="C1385" s="12" t="s">
        <v>545</v>
      </c>
    </row>
    <row r="1386" spans="1:3" ht="24">
      <c r="A1386" s="13">
        <v>1384</v>
      </c>
      <c r="B1386" s="10" t="s">
        <v>786</v>
      </c>
      <c r="C1386" s="12" t="s">
        <v>545</v>
      </c>
    </row>
    <row r="1387" spans="1:3" ht="24">
      <c r="A1387" s="13">
        <v>1385</v>
      </c>
      <c r="B1387" s="10" t="s">
        <v>787</v>
      </c>
      <c r="C1387" s="12" t="s">
        <v>545</v>
      </c>
    </row>
    <row r="1388" spans="1:3" ht="24">
      <c r="A1388" s="13">
        <v>1386</v>
      </c>
      <c r="B1388" s="10" t="s">
        <v>788</v>
      </c>
      <c r="C1388" s="12" t="s">
        <v>545</v>
      </c>
    </row>
    <row r="1389" spans="1:3" ht="24">
      <c r="A1389" s="10">
        <v>1387</v>
      </c>
      <c r="B1389" s="10" t="s">
        <v>789</v>
      </c>
      <c r="C1389" s="12" t="s">
        <v>545</v>
      </c>
    </row>
    <row r="1390" spans="1:3" ht="24">
      <c r="A1390" s="13">
        <v>1388</v>
      </c>
      <c r="B1390" s="10" t="s">
        <v>789</v>
      </c>
      <c r="C1390" s="12" t="s">
        <v>545</v>
      </c>
    </row>
    <row r="1391" spans="1:3" ht="24">
      <c r="A1391" s="13">
        <v>1389</v>
      </c>
      <c r="B1391" s="10" t="s">
        <v>593</v>
      </c>
      <c r="C1391" s="12" t="s">
        <v>545</v>
      </c>
    </row>
    <row r="1392" spans="1:3" ht="24">
      <c r="A1392" s="13">
        <v>1390</v>
      </c>
      <c r="B1392" s="10" t="s">
        <v>790</v>
      </c>
      <c r="C1392" s="12" t="s">
        <v>545</v>
      </c>
    </row>
    <row r="1393" spans="1:3" ht="24">
      <c r="A1393" s="10">
        <v>1391</v>
      </c>
      <c r="B1393" s="10" t="s">
        <v>791</v>
      </c>
      <c r="C1393" s="12" t="s">
        <v>545</v>
      </c>
    </row>
    <row r="1394" spans="1:3" ht="24">
      <c r="A1394" s="13">
        <v>1392</v>
      </c>
      <c r="B1394" s="10" t="s">
        <v>792</v>
      </c>
      <c r="C1394" s="12" t="s">
        <v>545</v>
      </c>
    </row>
    <row r="1395" spans="1:3" ht="24">
      <c r="A1395" s="13">
        <v>1393</v>
      </c>
      <c r="B1395" s="10" t="s">
        <v>793</v>
      </c>
      <c r="C1395" s="12" t="s">
        <v>545</v>
      </c>
    </row>
    <row r="1396" spans="1:3" ht="24">
      <c r="A1396" s="13">
        <v>1394</v>
      </c>
      <c r="B1396" s="10" t="s">
        <v>794</v>
      </c>
      <c r="C1396" s="12" t="s">
        <v>545</v>
      </c>
    </row>
    <row r="1397" spans="1:3" ht="24">
      <c r="A1397" s="10">
        <v>1395</v>
      </c>
      <c r="B1397" s="10" t="s">
        <v>795</v>
      </c>
      <c r="C1397" s="12" t="s">
        <v>545</v>
      </c>
    </row>
    <row r="1398" spans="1:3" ht="31.5">
      <c r="A1398" s="13">
        <v>1396</v>
      </c>
      <c r="B1398" s="10" t="s">
        <v>796</v>
      </c>
      <c r="C1398" s="12" t="s">
        <v>545</v>
      </c>
    </row>
    <row r="1399" spans="1:3" ht="24">
      <c r="A1399" s="13">
        <v>1397</v>
      </c>
      <c r="B1399" s="10" t="s">
        <v>797</v>
      </c>
      <c r="C1399" s="12" t="s">
        <v>545</v>
      </c>
    </row>
    <row r="1400" spans="1:3" ht="24">
      <c r="A1400" s="13">
        <v>1398</v>
      </c>
      <c r="B1400" s="10" t="s">
        <v>798</v>
      </c>
      <c r="C1400" s="12" t="s">
        <v>545</v>
      </c>
    </row>
    <row r="1401" spans="1:3" ht="24">
      <c r="A1401" s="10">
        <v>1399</v>
      </c>
      <c r="B1401" s="10" t="s">
        <v>799</v>
      </c>
      <c r="C1401" s="12" t="s">
        <v>545</v>
      </c>
    </row>
    <row r="1402" spans="1:3" ht="24">
      <c r="A1402" s="13">
        <v>1400</v>
      </c>
      <c r="B1402" s="10" t="s">
        <v>799</v>
      </c>
      <c r="C1402" s="12" t="s">
        <v>545</v>
      </c>
    </row>
    <row r="1403" spans="1:3" ht="24">
      <c r="A1403" s="13">
        <v>1401</v>
      </c>
      <c r="B1403" s="10" t="s">
        <v>800</v>
      </c>
      <c r="C1403" s="12" t="s">
        <v>545</v>
      </c>
    </row>
    <row r="1404" spans="1:3" ht="24">
      <c r="A1404" s="13">
        <v>1402</v>
      </c>
      <c r="B1404" s="10" t="s">
        <v>800</v>
      </c>
      <c r="C1404" s="12" t="s">
        <v>545</v>
      </c>
    </row>
    <row r="1405" spans="1:3" ht="24">
      <c r="A1405" s="10">
        <v>1403</v>
      </c>
      <c r="B1405" s="10" t="s">
        <v>801</v>
      </c>
      <c r="C1405" s="12" t="s">
        <v>545</v>
      </c>
    </row>
    <row r="1406" spans="1:3" ht="24">
      <c r="A1406" s="13">
        <v>1404</v>
      </c>
      <c r="B1406" s="10" t="s">
        <v>802</v>
      </c>
      <c r="C1406" s="12" t="s">
        <v>545</v>
      </c>
    </row>
    <row r="1407" spans="1:3" ht="24">
      <c r="A1407" s="13">
        <v>1405</v>
      </c>
      <c r="B1407" s="10" t="s">
        <v>803</v>
      </c>
      <c r="C1407" s="12" t="s">
        <v>545</v>
      </c>
    </row>
    <row r="1408" spans="1:3" ht="24">
      <c r="A1408" s="13">
        <v>1406</v>
      </c>
      <c r="B1408" s="10" t="s">
        <v>804</v>
      </c>
      <c r="C1408" s="12" t="s">
        <v>545</v>
      </c>
    </row>
    <row r="1409" spans="1:3" ht="24">
      <c r="A1409" s="10">
        <v>1407</v>
      </c>
      <c r="B1409" s="10" t="s">
        <v>804</v>
      </c>
      <c r="C1409" s="12" t="s">
        <v>545</v>
      </c>
    </row>
    <row r="1410" spans="1:3" ht="24">
      <c r="A1410" s="13">
        <v>1408</v>
      </c>
      <c r="B1410" s="10" t="s">
        <v>804</v>
      </c>
      <c r="C1410" s="12" t="s">
        <v>545</v>
      </c>
    </row>
    <row r="1411" spans="1:3" ht="24">
      <c r="A1411" s="13">
        <v>1409</v>
      </c>
      <c r="B1411" s="10" t="s">
        <v>804</v>
      </c>
      <c r="C1411" s="12" t="s">
        <v>545</v>
      </c>
    </row>
    <row r="1412" spans="1:3" ht="24">
      <c r="A1412" s="13">
        <v>1410</v>
      </c>
      <c r="B1412" s="10" t="s">
        <v>804</v>
      </c>
      <c r="C1412" s="12" t="s">
        <v>545</v>
      </c>
    </row>
    <row r="1413" spans="1:3" ht="24">
      <c r="A1413" s="10">
        <v>1411</v>
      </c>
      <c r="B1413" s="10" t="s">
        <v>804</v>
      </c>
      <c r="C1413" s="12" t="s">
        <v>545</v>
      </c>
    </row>
    <row r="1414" spans="1:3" ht="24">
      <c r="A1414" s="13">
        <v>1412</v>
      </c>
      <c r="B1414" s="10" t="s">
        <v>804</v>
      </c>
      <c r="C1414" s="12" t="s">
        <v>545</v>
      </c>
    </row>
    <row r="1415" spans="1:3" ht="24">
      <c r="A1415" s="13">
        <v>1413</v>
      </c>
      <c r="B1415" s="10" t="s">
        <v>804</v>
      </c>
      <c r="C1415" s="12" t="s">
        <v>545</v>
      </c>
    </row>
    <row r="1416" spans="1:3" ht="24">
      <c r="A1416" s="13">
        <v>1414</v>
      </c>
      <c r="B1416" s="10" t="s">
        <v>804</v>
      </c>
      <c r="C1416" s="12" t="s">
        <v>545</v>
      </c>
    </row>
    <row r="1417" spans="1:3" ht="24">
      <c r="A1417" s="10">
        <v>1415</v>
      </c>
      <c r="B1417" s="10" t="s">
        <v>804</v>
      </c>
      <c r="C1417" s="12" t="s">
        <v>545</v>
      </c>
    </row>
    <row r="1418" spans="1:3" ht="24">
      <c r="A1418" s="13">
        <v>1416</v>
      </c>
      <c r="B1418" s="10" t="s">
        <v>805</v>
      </c>
      <c r="C1418" s="12" t="s">
        <v>545</v>
      </c>
    </row>
    <row r="1419" spans="1:3" ht="24">
      <c r="A1419" s="13">
        <v>1417</v>
      </c>
      <c r="B1419" s="10" t="s">
        <v>806</v>
      </c>
      <c r="C1419" s="12" t="s">
        <v>545</v>
      </c>
    </row>
    <row r="1420" spans="1:3" ht="24">
      <c r="A1420" s="13">
        <v>1418</v>
      </c>
      <c r="B1420" s="10" t="s">
        <v>807</v>
      </c>
      <c r="C1420" s="12" t="s">
        <v>545</v>
      </c>
    </row>
    <row r="1421" spans="1:3" ht="24">
      <c r="A1421" s="10">
        <v>1419</v>
      </c>
      <c r="B1421" s="10" t="s">
        <v>807</v>
      </c>
      <c r="C1421" s="12" t="s">
        <v>545</v>
      </c>
    </row>
    <row r="1422" spans="1:3" ht="24">
      <c r="A1422" s="13">
        <v>1420</v>
      </c>
      <c r="B1422" s="10" t="s">
        <v>808</v>
      </c>
      <c r="C1422" s="12" t="s">
        <v>545</v>
      </c>
    </row>
    <row r="1423" spans="1:3" ht="24">
      <c r="A1423" s="13">
        <v>1421</v>
      </c>
      <c r="B1423" s="10" t="s">
        <v>809</v>
      </c>
      <c r="C1423" s="12" t="s">
        <v>545</v>
      </c>
    </row>
    <row r="1424" spans="1:3" ht="24">
      <c r="A1424" s="13">
        <v>1422</v>
      </c>
      <c r="B1424" s="10" t="s">
        <v>810</v>
      </c>
      <c r="C1424" s="12" t="s">
        <v>545</v>
      </c>
    </row>
    <row r="1425" spans="1:3" ht="31.5">
      <c r="A1425" s="10">
        <v>1423</v>
      </c>
      <c r="B1425" s="10" t="s">
        <v>811</v>
      </c>
      <c r="C1425" s="12" t="s">
        <v>545</v>
      </c>
    </row>
    <row r="1426" spans="1:3" ht="24">
      <c r="A1426" s="13">
        <v>1424</v>
      </c>
      <c r="B1426" s="10" t="s">
        <v>812</v>
      </c>
      <c r="C1426" s="12" t="s">
        <v>545</v>
      </c>
    </row>
    <row r="1427" spans="1:3" ht="24">
      <c r="A1427" s="13">
        <v>1425</v>
      </c>
      <c r="B1427" s="10" t="s">
        <v>812</v>
      </c>
      <c r="C1427" s="12" t="s">
        <v>545</v>
      </c>
    </row>
    <row r="1428" spans="1:3" ht="24">
      <c r="A1428" s="13">
        <v>1426</v>
      </c>
      <c r="B1428" s="10" t="s">
        <v>812</v>
      </c>
      <c r="C1428" s="12" t="s">
        <v>545</v>
      </c>
    </row>
    <row r="1429" spans="1:3" ht="31.5">
      <c r="A1429" s="10">
        <v>1427</v>
      </c>
      <c r="B1429" s="10" t="s">
        <v>813</v>
      </c>
      <c r="C1429" s="12" t="s">
        <v>545</v>
      </c>
    </row>
    <row r="1430" spans="1:3" ht="24">
      <c r="A1430" s="13">
        <v>1428</v>
      </c>
      <c r="B1430" s="10" t="s">
        <v>814</v>
      </c>
      <c r="C1430" s="12" t="s">
        <v>545</v>
      </c>
    </row>
    <row r="1431" spans="1:3" ht="24">
      <c r="A1431" s="13">
        <v>1429</v>
      </c>
      <c r="B1431" s="10" t="s">
        <v>815</v>
      </c>
      <c r="C1431" s="12" t="s">
        <v>545</v>
      </c>
    </row>
    <row r="1432" spans="1:3" ht="24">
      <c r="A1432" s="13">
        <v>1430</v>
      </c>
      <c r="B1432" s="10" t="s">
        <v>808</v>
      </c>
      <c r="C1432" s="12" t="s">
        <v>545</v>
      </c>
    </row>
    <row r="1433" spans="1:3" ht="24">
      <c r="A1433" s="10">
        <v>1431</v>
      </c>
      <c r="B1433" s="10" t="s">
        <v>816</v>
      </c>
      <c r="C1433" s="12" t="s">
        <v>545</v>
      </c>
    </row>
    <row r="1434" spans="1:3" ht="24">
      <c r="A1434" s="13">
        <v>1432</v>
      </c>
      <c r="B1434" s="10" t="s">
        <v>816</v>
      </c>
      <c r="C1434" s="12" t="s">
        <v>545</v>
      </c>
    </row>
    <row r="1435" spans="1:3" ht="24">
      <c r="A1435" s="13">
        <v>1433</v>
      </c>
      <c r="B1435" s="10" t="s">
        <v>817</v>
      </c>
      <c r="C1435" s="12" t="s">
        <v>545</v>
      </c>
    </row>
    <row r="1436" spans="1:3" ht="24">
      <c r="A1436" s="13">
        <v>1434</v>
      </c>
      <c r="B1436" s="10" t="s">
        <v>817</v>
      </c>
      <c r="C1436" s="12" t="s">
        <v>545</v>
      </c>
    </row>
    <row r="1437" spans="1:3" ht="24">
      <c r="A1437" s="10">
        <v>1435</v>
      </c>
      <c r="B1437" s="11" t="s">
        <v>818</v>
      </c>
      <c r="C1437" s="12" t="s">
        <v>545</v>
      </c>
    </row>
    <row r="1438" spans="1:3" ht="24">
      <c r="A1438" s="13">
        <v>1436</v>
      </c>
      <c r="B1438" s="11" t="s">
        <v>819</v>
      </c>
      <c r="C1438" s="12" t="s">
        <v>545</v>
      </c>
    </row>
    <row r="1439" spans="1:3" ht="24">
      <c r="A1439" s="13">
        <v>1437</v>
      </c>
      <c r="B1439" s="11" t="s">
        <v>820</v>
      </c>
      <c r="C1439" s="12" t="s">
        <v>545</v>
      </c>
    </row>
    <row r="1440" spans="1:3" ht="24">
      <c r="A1440" s="13">
        <v>1438</v>
      </c>
      <c r="B1440" s="10" t="s">
        <v>821</v>
      </c>
      <c r="C1440" s="12" t="s">
        <v>545</v>
      </c>
    </row>
    <row r="1441" spans="1:3" ht="24">
      <c r="A1441" s="10">
        <v>1439</v>
      </c>
      <c r="B1441" s="10" t="s">
        <v>822</v>
      </c>
      <c r="C1441" s="12" t="s">
        <v>545</v>
      </c>
    </row>
    <row r="1442" spans="1:3" ht="24">
      <c r="A1442" s="13">
        <v>1440</v>
      </c>
      <c r="B1442" s="10" t="s">
        <v>823</v>
      </c>
      <c r="C1442" s="12" t="s">
        <v>545</v>
      </c>
    </row>
    <row r="1443" spans="1:3" ht="24">
      <c r="A1443" s="13">
        <v>1441</v>
      </c>
      <c r="B1443" s="10" t="s">
        <v>587</v>
      </c>
      <c r="C1443" s="12" t="s">
        <v>545</v>
      </c>
    </row>
    <row r="1444" spans="1:3" ht="24">
      <c r="A1444" s="13">
        <v>1442</v>
      </c>
      <c r="B1444" s="10" t="s">
        <v>824</v>
      </c>
      <c r="C1444" s="12" t="s">
        <v>545</v>
      </c>
    </row>
    <row r="1445" spans="1:3" ht="24">
      <c r="A1445" s="10">
        <v>1443</v>
      </c>
      <c r="B1445" s="10" t="s">
        <v>825</v>
      </c>
      <c r="C1445" s="12" t="s">
        <v>545</v>
      </c>
    </row>
    <row r="1446" spans="1:3" ht="24">
      <c r="A1446" s="13">
        <v>1444</v>
      </c>
      <c r="B1446" s="10" t="s">
        <v>826</v>
      </c>
      <c r="C1446" s="12" t="s">
        <v>545</v>
      </c>
    </row>
    <row r="1447" spans="1:3" ht="24">
      <c r="A1447" s="13">
        <v>1445</v>
      </c>
      <c r="B1447" s="10" t="s">
        <v>827</v>
      </c>
      <c r="C1447" s="12" t="s">
        <v>545</v>
      </c>
    </row>
    <row r="1448" spans="1:3" ht="24">
      <c r="A1448" s="13">
        <v>1446</v>
      </c>
      <c r="B1448" s="10" t="s">
        <v>828</v>
      </c>
      <c r="C1448" s="12" t="s">
        <v>545</v>
      </c>
    </row>
    <row r="1449" spans="1:3" ht="24">
      <c r="A1449" s="10">
        <v>1447</v>
      </c>
      <c r="B1449" s="20" t="s">
        <v>829</v>
      </c>
      <c r="C1449" s="12" t="s">
        <v>545</v>
      </c>
    </row>
    <row r="1450" spans="1:3" ht="24">
      <c r="A1450" s="13">
        <v>1448</v>
      </c>
      <c r="B1450" s="11" t="s">
        <v>830</v>
      </c>
      <c r="C1450" s="12" t="s">
        <v>545</v>
      </c>
    </row>
    <row r="1451" spans="1:3" ht="24">
      <c r="A1451" s="13">
        <v>1449</v>
      </c>
      <c r="B1451" s="11" t="s">
        <v>831</v>
      </c>
      <c r="C1451" s="12" t="s">
        <v>545</v>
      </c>
    </row>
    <row r="1452" spans="1:3" ht="24">
      <c r="A1452" s="13">
        <v>1450</v>
      </c>
      <c r="B1452" s="11" t="s">
        <v>824</v>
      </c>
      <c r="C1452" s="12" t="s">
        <v>545</v>
      </c>
    </row>
    <row r="1453" spans="1:3" ht="24">
      <c r="A1453" s="10">
        <v>1451</v>
      </c>
      <c r="B1453" s="15" t="s">
        <v>832</v>
      </c>
      <c r="C1453" s="12" t="s">
        <v>545</v>
      </c>
    </row>
    <row r="1454" spans="1:3" ht="24">
      <c r="A1454" s="13">
        <v>1452</v>
      </c>
      <c r="B1454" s="10" t="s">
        <v>824</v>
      </c>
      <c r="C1454" s="12" t="s">
        <v>545</v>
      </c>
    </row>
    <row r="1455" spans="1:3" ht="24">
      <c r="A1455" s="13">
        <v>1453</v>
      </c>
      <c r="B1455" s="10" t="s">
        <v>833</v>
      </c>
      <c r="C1455" s="12" t="s">
        <v>545</v>
      </c>
    </row>
    <row r="1456" spans="1:3" ht="24">
      <c r="A1456" s="13">
        <v>1454</v>
      </c>
      <c r="B1456" s="15" t="s">
        <v>834</v>
      </c>
      <c r="C1456" s="12" t="s">
        <v>545</v>
      </c>
    </row>
    <row r="1457" spans="1:3" ht="24">
      <c r="A1457" s="10">
        <v>1455</v>
      </c>
      <c r="B1457" s="10" t="s">
        <v>835</v>
      </c>
      <c r="C1457" s="12" t="s">
        <v>545</v>
      </c>
    </row>
    <row r="1458" spans="1:3" ht="24">
      <c r="A1458" s="13">
        <v>1456</v>
      </c>
      <c r="B1458" s="10" t="s">
        <v>836</v>
      </c>
      <c r="C1458" s="12" t="s">
        <v>545</v>
      </c>
    </row>
    <row r="1459" spans="1:3" ht="24">
      <c r="A1459" s="13">
        <v>1457</v>
      </c>
      <c r="B1459" s="10" t="s">
        <v>824</v>
      </c>
      <c r="C1459" s="12" t="s">
        <v>545</v>
      </c>
    </row>
    <row r="1460" spans="1:3" ht="24">
      <c r="A1460" s="13">
        <v>1458</v>
      </c>
      <c r="B1460" s="10" t="s">
        <v>837</v>
      </c>
      <c r="C1460" s="12" t="s">
        <v>545</v>
      </c>
    </row>
    <row r="1461" spans="1:3" ht="24">
      <c r="A1461" s="10">
        <v>1459</v>
      </c>
      <c r="B1461" s="10" t="s">
        <v>838</v>
      </c>
      <c r="C1461" s="12" t="s">
        <v>545</v>
      </c>
    </row>
    <row r="1462" spans="1:3" ht="24">
      <c r="A1462" s="13">
        <v>1460</v>
      </c>
      <c r="B1462" s="10" t="s">
        <v>839</v>
      </c>
      <c r="C1462" s="12" t="s">
        <v>545</v>
      </c>
    </row>
    <row r="1463" spans="1:3" ht="24">
      <c r="A1463" s="13">
        <v>1461</v>
      </c>
      <c r="B1463" s="10" t="s">
        <v>839</v>
      </c>
      <c r="C1463" s="12" t="s">
        <v>545</v>
      </c>
    </row>
    <row r="1464" spans="1:3" ht="31.5">
      <c r="A1464" s="13">
        <v>1462</v>
      </c>
      <c r="B1464" s="10" t="s">
        <v>840</v>
      </c>
      <c r="C1464" s="12" t="s">
        <v>545</v>
      </c>
    </row>
    <row r="1465" spans="1:3" ht="24">
      <c r="A1465" s="10">
        <v>1463</v>
      </c>
      <c r="B1465" s="16" t="s">
        <v>841</v>
      </c>
      <c r="C1465" s="12" t="s">
        <v>545</v>
      </c>
    </row>
    <row r="1466" spans="1:3" ht="24">
      <c r="A1466" s="13">
        <v>1464</v>
      </c>
      <c r="B1466" s="16" t="s">
        <v>842</v>
      </c>
      <c r="C1466" s="12" t="s">
        <v>545</v>
      </c>
    </row>
    <row r="1467" spans="1:3" ht="24">
      <c r="A1467" s="13">
        <v>1465</v>
      </c>
      <c r="B1467" s="17" t="s">
        <v>843</v>
      </c>
      <c r="C1467" s="12" t="s">
        <v>545</v>
      </c>
    </row>
    <row r="1468" spans="1:3" ht="24">
      <c r="A1468" s="13">
        <v>1466</v>
      </c>
      <c r="B1468" s="17" t="s">
        <v>844</v>
      </c>
      <c r="C1468" s="12" t="s">
        <v>545</v>
      </c>
    </row>
    <row r="1469" spans="1:3" ht="24">
      <c r="A1469" s="10">
        <v>1467</v>
      </c>
      <c r="B1469" s="20" t="s">
        <v>845</v>
      </c>
      <c r="C1469" s="12" t="s">
        <v>545</v>
      </c>
    </row>
    <row r="1470" spans="1:3" ht="24">
      <c r="A1470" s="13">
        <v>1468</v>
      </c>
      <c r="B1470" s="10" t="s">
        <v>846</v>
      </c>
      <c r="C1470" s="12" t="s">
        <v>545</v>
      </c>
    </row>
    <row r="1471" spans="1:3" ht="24">
      <c r="A1471" s="13">
        <v>1469</v>
      </c>
      <c r="B1471" s="10" t="s">
        <v>847</v>
      </c>
      <c r="C1471" s="12" t="s">
        <v>545</v>
      </c>
    </row>
    <row r="1472" spans="1:3" ht="24">
      <c r="A1472" s="13">
        <v>1470</v>
      </c>
      <c r="B1472" s="10" t="s">
        <v>848</v>
      </c>
      <c r="C1472" s="12" t="s">
        <v>545</v>
      </c>
    </row>
    <row r="1473" spans="1:3" ht="24">
      <c r="A1473" s="10">
        <v>1471</v>
      </c>
      <c r="B1473" s="25" t="s">
        <v>849</v>
      </c>
      <c r="C1473" s="12" t="s">
        <v>545</v>
      </c>
    </row>
    <row r="1474" spans="1:3" ht="24">
      <c r="A1474" s="13">
        <v>1472</v>
      </c>
      <c r="B1474" s="10" t="s">
        <v>850</v>
      </c>
      <c r="C1474" s="12" t="s">
        <v>545</v>
      </c>
    </row>
    <row r="1475" spans="1:3" ht="24">
      <c r="A1475" s="13">
        <v>1473</v>
      </c>
      <c r="B1475" s="10" t="s">
        <v>851</v>
      </c>
      <c r="C1475" s="12" t="s">
        <v>545</v>
      </c>
    </row>
    <row r="1476" spans="1:3" ht="24">
      <c r="A1476" s="13">
        <v>1474</v>
      </c>
      <c r="B1476" s="10" t="s">
        <v>852</v>
      </c>
      <c r="C1476" s="12" t="s">
        <v>545</v>
      </c>
    </row>
    <row r="1477" spans="1:3" ht="24">
      <c r="A1477" s="10">
        <v>1475</v>
      </c>
      <c r="B1477" s="10" t="s">
        <v>853</v>
      </c>
      <c r="C1477" s="12" t="s">
        <v>545</v>
      </c>
    </row>
    <row r="1478" spans="1:3" ht="24">
      <c r="A1478" s="13">
        <v>1476</v>
      </c>
      <c r="B1478" s="17" t="s">
        <v>854</v>
      </c>
      <c r="C1478" s="12" t="s">
        <v>545</v>
      </c>
    </row>
    <row r="1479" spans="1:3" ht="24">
      <c r="A1479" s="13">
        <v>1477</v>
      </c>
      <c r="B1479" s="25" t="s">
        <v>855</v>
      </c>
      <c r="C1479" s="12" t="s">
        <v>545</v>
      </c>
    </row>
    <row r="1480" spans="1:3" ht="31.5">
      <c r="A1480" s="13">
        <v>1478</v>
      </c>
      <c r="B1480" s="10" t="s">
        <v>856</v>
      </c>
      <c r="C1480" s="12" t="s">
        <v>545</v>
      </c>
    </row>
    <row r="1481" spans="1:3" ht="24">
      <c r="A1481" s="10">
        <v>1479</v>
      </c>
      <c r="B1481" s="10" t="s">
        <v>857</v>
      </c>
      <c r="C1481" s="12" t="s">
        <v>545</v>
      </c>
    </row>
    <row r="1482" spans="1:3" ht="24">
      <c r="A1482" s="13">
        <v>1480</v>
      </c>
      <c r="B1482" s="16" t="s">
        <v>858</v>
      </c>
      <c r="C1482" s="12" t="s">
        <v>545</v>
      </c>
    </row>
    <row r="1483" spans="1:3" ht="24">
      <c r="A1483" s="13">
        <v>1481</v>
      </c>
      <c r="B1483" s="16" t="s">
        <v>858</v>
      </c>
      <c r="C1483" s="12" t="s">
        <v>545</v>
      </c>
    </row>
    <row r="1484" spans="1:3" ht="24">
      <c r="A1484" s="13">
        <v>1482</v>
      </c>
      <c r="B1484" s="16" t="s">
        <v>859</v>
      </c>
      <c r="C1484" s="12" t="s">
        <v>545</v>
      </c>
    </row>
    <row r="1485" spans="1:3" ht="24">
      <c r="A1485" s="10">
        <v>1483</v>
      </c>
      <c r="B1485" s="17" t="s">
        <v>860</v>
      </c>
      <c r="C1485" s="12" t="s">
        <v>545</v>
      </c>
    </row>
    <row r="1486" spans="1:3" ht="31.5">
      <c r="A1486" s="13">
        <v>1484</v>
      </c>
      <c r="B1486" s="10" t="s">
        <v>861</v>
      </c>
      <c r="C1486" s="12" t="s">
        <v>545</v>
      </c>
    </row>
    <row r="1487" spans="1:3" ht="24">
      <c r="A1487" s="13">
        <v>1485</v>
      </c>
      <c r="B1487" s="25" t="s">
        <v>862</v>
      </c>
      <c r="C1487" s="12" t="s">
        <v>545</v>
      </c>
    </row>
    <row r="1488" spans="1:3" ht="24">
      <c r="A1488" s="13">
        <v>1486</v>
      </c>
      <c r="B1488" s="10" t="s">
        <v>863</v>
      </c>
      <c r="C1488" s="12" t="s">
        <v>545</v>
      </c>
    </row>
    <row r="1489" spans="1:3" ht="24">
      <c r="A1489" s="10">
        <v>1487</v>
      </c>
      <c r="B1489" s="10" t="s">
        <v>864</v>
      </c>
      <c r="C1489" s="12" t="s">
        <v>545</v>
      </c>
    </row>
    <row r="1490" spans="1:3" ht="24">
      <c r="A1490" s="13">
        <v>1488</v>
      </c>
      <c r="B1490" s="15" t="s">
        <v>865</v>
      </c>
      <c r="C1490" s="12" t="s">
        <v>545</v>
      </c>
    </row>
    <row r="1491" spans="1:3" ht="24">
      <c r="A1491" s="13">
        <v>1489</v>
      </c>
      <c r="B1491" s="10" t="s">
        <v>866</v>
      </c>
      <c r="C1491" s="12" t="s">
        <v>545</v>
      </c>
    </row>
    <row r="1492" spans="1:3" ht="24">
      <c r="A1492" s="13">
        <v>1490</v>
      </c>
      <c r="B1492" s="10" t="s">
        <v>867</v>
      </c>
      <c r="C1492" s="12" t="s">
        <v>545</v>
      </c>
    </row>
    <row r="1493" spans="1:3" ht="24">
      <c r="A1493" s="10">
        <v>1491</v>
      </c>
      <c r="B1493" s="10" t="s">
        <v>868</v>
      </c>
      <c r="C1493" s="12" t="s">
        <v>545</v>
      </c>
    </row>
    <row r="1494" spans="1:3" ht="24">
      <c r="A1494" s="13">
        <v>1492</v>
      </c>
      <c r="B1494" s="16" t="s">
        <v>869</v>
      </c>
      <c r="C1494" s="12" t="s">
        <v>545</v>
      </c>
    </row>
    <row r="1495" spans="1:3" ht="24">
      <c r="A1495" s="13">
        <v>1493</v>
      </c>
      <c r="B1495" s="16" t="s">
        <v>870</v>
      </c>
      <c r="C1495" s="12" t="s">
        <v>545</v>
      </c>
    </row>
    <row r="1496" spans="1:3" ht="24">
      <c r="A1496" s="13">
        <v>1494</v>
      </c>
      <c r="B1496" s="10" t="s">
        <v>871</v>
      </c>
      <c r="C1496" s="12" t="s">
        <v>545</v>
      </c>
    </row>
    <row r="1497" spans="1:3" ht="24">
      <c r="A1497" s="10">
        <v>1495</v>
      </c>
      <c r="B1497" s="10" t="s">
        <v>871</v>
      </c>
      <c r="C1497" s="12" t="s">
        <v>545</v>
      </c>
    </row>
    <row r="1498" spans="1:3" ht="24">
      <c r="A1498" s="13">
        <v>1496</v>
      </c>
      <c r="B1498" s="10" t="s">
        <v>872</v>
      </c>
      <c r="C1498" s="12" t="s">
        <v>545</v>
      </c>
    </row>
    <row r="1499" spans="1:3" ht="24">
      <c r="A1499" s="13">
        <v>1497</v>
      </c>
      <c r="B1499" s="10" t="s">
        <v>873</v>
      </c>
      <c r="C1499" s="12" t="s">
        <v>545</v>
      </c>
    </row>
    <row r="1500" spans="1:3" ht="24">
      <c r="A1500" s="13">
        <v>1498</v>
      </c>
      <c r="B1500" s="10" t="s">
        <v>874</v>
      </c>
      <c r="C1500" s="12" t="s">
        <v>545</v>
      </c>
    </row>
    <row r="1501" spans="1:3" ht="31.5">
      <c r="A1501" s="10">
        <v>1499</v>
      </c>
      <c r="B1501" s="10" t="s">
        <v>875</v>
      </c>
      <c r="C1501" s="12" t="s">
        <v>545</v>
      </c>
    </row>
    <row r="1502" spans="1:3" ht="31.5">
      <c r="A1502" s="13">
        <v>1500</v>
      </c>
      <c r="B1502" s="10" t="s">
        <v>875</v>
      </c>
      <c r="C1502" s="12" t="s">
        <v>545</v>
      </c>
    </row>
    <row r="1503" spans="1:3" ht="31.5">
      <c r="A1503" s="13">
        <v>1501</v>
      </c>
      <c r="B1503" s="10" t="s">
        <v>875</v>
      </c>
      <c r="C1503" s="12" t="s">
        <v>545</v>
      </c>
    </row>
    <row r="1504" spans="1:3" ht="24">
      <c r="A1504" s="13">
        <v>1502</v>
      </c>
      <c r="B1504" s="10" t="s">
        <v>876</v>
      </c>
      <c r="C1504" s="12" t="s">
        <v>545</v>
      </c>
    </row>
    <row r="1505" spans="1:3" ht="24">
      <c r="A1505" s="10">
        <v>1503</v>
      </c>
      <c r="B1505" s="10" t="s">
        <v>876</v>
      </c>
      <c r="C1505" s="12" t="s">
        <v>545</v>
      </c>
    </row>
    <row r="1506" spans="1:3" ht="24">
      <c r="A1506" s="13">
        <v>1504</v>
      </c>
      <c r="B1506" s="10" t="s">
        <v>877</v>
      </c>
      <c r="C1506" s="12" t="s">
        <v>545</v>
      </c>
    </row>
    <row r="1507" spans="1:3" ht="24">
      <c r="A1507" s="13">
        <v>1505</v>
      </c>
      <c r="B1507" s="10" t="s">
        <v>878</v>
      </c>
      <c r="C1507" s="12" t="s">
        <v>545</v>
      </c>
    </row>
    <row r="1508" spans="1:3" ht="24">
      <c r="A1508" s="13">
        <v>1506</v>
      </c>
      <c r="B1508" s="10" t="s">
        <v>878</v>
      </c>
      <c r="C1508" s="12" t="s">
        <v>545</v>
      </c>
    </row>
    <row r="1509" spans="1:3" ht="24">
      <c r="A1509" s="10">
        <v>1507</v>
      </c>
      <c r="B1509" s="10" t="s">
        <v>878</v>
      </c>
      <c r="C1509" s="12" t="s">
        <v>545</v>
      </c>
    </row>
    <row r="1510" spans="1:3" ht="24">
      <c r="A1510" s="13">
        <v>1508</v>
      </c>
      <c r="B1510" s="10" t="s">
        <v>878</v>
      </c>
      <c r="C1510" s="12" t="s">
        <v>545</v>
      </c>
    </row>
    <row r="1511" spans="1:3" ht="24">
      <c r="A1511" s="13">
        <v>1509</v>
      </c>
      <c r="B1511" s="10" t="s">
        <v>878</v>
      </c>
      <c r="C1511" s="12" t="s">
        <v>545</v>
      </c>
    </row>
    <row r="1512" spans="1:3" ht="24">
      <c r="A1512" s="13">
        <v>1510</v>
      </c>
      <c r="B1512" s="10" t="s">
        <v>878</v>
      </c>
      <c r="C1512" s="12" t="s">
        <v>545</v>
      </c>
    </row>
    <row r="1513" spans="1:3" ht="24">
      <c r="A1513" s="10">
        <v>1511</v>
      </c>
      <c r="B1513" s="10" t="s">
        <v>878</v>
      </c>
      <c r="C1513" s="12" t="s">
        <v>545</v>
      </c>
    </row>
    <row r="1514" spans="1:3" ht="24">
      <c r="A1514" s="13">
        <v>1512</v>
      </c>
      <c r="B1514" s="10" t="s">
        <v>878</v>
      </c>
      <c r="C1514" s="12" t="s">
        <v>545</v>
      </c>
    </row>
    <row r="1515" spans="1:3" ht="24">
      <c r="A1515" s="13">
        <v>1513</v>
      </c>
      <c r="B1515" s="10" t="s">
        <v>878</v>
      </c>
      <c r="C1515" s="12" t="s">
        <v>545</v>
      </c>
    </row>
    <row r="1516" spans="1:3" ht="24">
      <c r="A1516" s="13">
        <v>1514</v>
      </c>
      <c r="B1516" s="10" t="s">
        <v>878</v>
      </c>
      <c r="C1516" s="12" t="s">
        <v>545</v>
      </c>
    </row>
    <row r="1517" spans="1:3" ht="24">
      <c r="A1517" s="10">
        <v>1515</v>
      </c>
      <c r="B1517" s="10" t="s">
        <v>878</v>
      </c>
      <c r="C1517" s="12" t="s">
        <v>545</v>
      </c>
    </row>
    <row r="1518" spans="1:3" ht="24">
      <c r="A1518" s="13">
        <v>1516</v>
      </c>
      <c r="B1518" s="10" t="s">
        <v>879</v>
      </c>
      <c r="C1518" s="12" t="s">
        <v>545</v>
      </c>
    </row>
    <row r="1519" spans="1:3" ht="24">
      <c r="A1519" s="13">
        <v>1517</v>
      </c>
      <c r="B1519" s="10" t="s">
        <v>879</v>
      </c>
      <c r="C1519" s="12" t="s">
        <v>545</v>
      </c>
    </row>
    <row r="1520" spans="1:3" ht="24">
      <c r="A1520" s="13">
        <v>1518</v>
      </c>
      <c r="B1520" s="10" t="s">
        <v>880</v>
      </c>
      <c r="C1520" s="12" t="s">
        <v>545</v>
      </c>
    </row>
    <row r="1521" spans="1:3" ht="24">
      <c r="A1521" s="10">
        <v>1519</v>
      </c>
      <c r="B1521" s="10" t="s">
        <v>880</v>
      </c>
      <c r="C1521" s="12" t="s">
        <v>545</v>
      </c>
    </row>
    <row r="1522" spans="1:3" ht="24">
      <c r="A1522" s="13">
        <v>1520</v>
      </c>
      <c r="B1522" s="10" t="s">
        <v>881</v>
      </c>
      <c r="C1522" s="12" t="s">
        <v>545</v>
      </c>
    </row>
    <row r="1523" spans="1:3" ht="24">
      <c r="A1523" s="13">
        <v>1521</v>
      </c>
      <c r="B1523" s="10" t="s">
        <v>881</v>
      </c>
      <c r="C1523" s="12" t="s">
        <v>545</v>
      </c>
    </row>
    <row r="1524" spans="1:3" ht="24">
      <c r="A1524" s="13">
        <v>1522</v>
      </c>
      <c r="B1524" s="10" t="s">
        <v>882</v>
      </c>
      <c r="C1524" s="12" t="s">
        <v>545</v>
      </c>
    </row>
    <row r="1525" spans="1:3" ht="24">
      <c r="A1525" s="10">
        <v>1523</v>
      </c>
      <c r="B1525" s="10" t="s">
        <v>882</v>
      </c>
      <c r="C1525" s="12" t="s">
        <v>545</v>
      </c>
    </row>
    <row r="1526" spans="1:3" ht="24">
      <c r="A1526" s="13">
        <v>1524</v>
      </c>
      <c r="B1526" s="10" t="s">
        <v>883</v>
      </c>
      <c r="C1526" s="12" t="s">
        <v>545</v>
      </c>
    </row>
    <row r="1527" spans="1:3" ht="24">
      <c r="A1527" s="13">
        <v>1525</v>
      </c>
      <c r="B1527" s="10" t="s">
        <v>884</v>
      </c>
      <c r="C1527" s="12" t="s">
        <v>545</v>
      </c>
    </row>
    <row r="1528" spans="1:3" ht="24">
      <c r="A1528" s="13">
        <v>1526</v>
      </c>
      <c r="B1528" s="10" t="s">
        <v>885</v>
      </c>
      <c r="C1528" s="12" t="s">
        <v>545</v>
      </c>
    </row>
    <row r="1529" spans="1:3" ht="24">
      <c r="A1529" s="10">
        <v>1527</v>
      </c>
      <c r="B1529" s="10" t="s">
        <v>886</v>
      </c>
      <c r="C1529" s="12" t="s">
        <v>545</v>
      </c>
    </row>
    <row r="1530" spans="1:3" ht="24">
      <c r="A1530" s="13">
        <v>1528</v>
      </c>
      <c r="B1530" s="10" t="s">
        <v>887</v>
      </c>
      <c r="C1530" s="12" t="s">
        <v>545</v>
      </c>
    </row>
    <row r="1531" spans="1:3" ht="24">
      <c r="A1531" s="13">
        <v>1529</v>
      </c>
      <c r="B1531" s="10" t="s">
        <v>888</v>
      </c>
      <c r="C1531" s="12" t="s">
        <v>545</v>
      </c>
    </row>
    <row r="1532" spans="1:3" ht="24">
      <c r="A1532" s="13">
        <v>1530</v>
      </c>
      <c r="B1532" s="10" t="s">
        <v>889</v>
      </c>
      <c r="C1532" s="12" t="s">
        <v>545</v>
      </c>
    </row>
    <row r="1533" spans="1:3" ht="31.5">
      <c r="A1533" s="10">
        <v>1531</v>
      </c>
      <c r="B1533" s="10" t="s">
        <v>890</v>
      </c>
      <c r="C1533" s="12" t="s">
        <v>545</v>
      </c>
    </row>
    <row r="1534" spans="1:3" ht="31.5">
      <c r="A1534" s="13">
        <v>1532</v>
      </c>
      <c r="B1534" s="10" t="s">
        <v>891</v>
      </c>
      <c r="C1534" s="12" t="s">
        <v>545</v>
      </c>
    </row>
    <row r="1535" spans="1:3" ht="24">
      <c r="A1535" s="13">
        <v>1533</v>
      </c>
      <c r="B1535" s="10" t="s">
        <v>892</v>
      </c>
      <c r="C1535" s="12" t="s">
        <v>545</v>
      </c>
    </row>
    <row r="1536" spans="1:3" ht="24">
      <c r="A1536" s="13">
        <v>1534</v>
      </c>
      <c r="B1536" s="10" t="s">
        <v>892</v>
      </c>
      <c r="C1536" s="12" t="s">
        <v>545</v>
      </c>
    </row>
    <row r="1537" spans="1:3" ht="24">
      <c r="A1537" s="10">
        <v>1535</v>
      </c>
      <c r="B1537" s="10" t="s">
        <v>893</v>
      </c>
      <c r="C1537" s="12" t="s">
        <v>545</v>
      </c>
    </row>
    <row r="1538" spans="1:3" ht="24">
      <c r="A1538" s="13">
        <v>1536</v>
      </c>
      <c r="B1538" s="10" t="s">
        <v>894</v>
      </c>
      <c r="C1538" s="12" t="s">
        <v>545</v>
      </c>
    </row>
    <row r="1539" spans="1:3" ht="24">
      <c r="A1539" s="13">
        <v>1537</v>
      </c>
      <c r="B1539" s="10" t="s">
        <v>894</v>
      </c>
      <c r="C1539" s="12" t="s">
        <v>545</v>
      </c>
    </row>
    <row r="1540" spans="1:3" ht="24">
      <c r="A1540" s="13">
        <v>1538</v>
      </c>
      <c r="B1540" s="10" t="s">
        <v>895</v>
      </c>
      <c r="C1540" s="12" t="s">
        <v>545</v>
      </c>
    </row>
    <row r="1541" spans="1:3" ht="24">
      <c r="A1541" s="10">
        <v>1539</v>
      </c>
      <c r="B1541" s="10" t="s">
        <v>896</v>
      </c>
      <c r="C1541" s="12" t="s">
        <v>545</v>
      </c>
    </row>
    <row r="1542" spans="1:3" ht="24">
      <c r="A1542" s="13">
        <v>1540</v>
      </c>
      <c r="B1542" s="10" t="s">
        <v>896</v>
      </c>
      <c r="C1542" s="12" t="s">
        <v>545</v>
      </c>
    </row>
    <row r="1543" spans="1:3" ht="24">
      <c r="A1543" s="13">
        <v>1541</v>
      </c>
      <c r="B1543" s="10" t="s">
        <v>896</v>
      </c>
      <c r="C1543" s="12" t="s">
        <v>545</v>
      </c>
    </row>
    <row r="1544" spans="1:3" ht="24">
      <c r="A1544" s="13">
        <v>1542</v>
      </c>
      <c r="B1544" s="10" t="s">
        <v>896</v>
      </c>
      <c r="C1544" s="12" t="s">
        <v>545</v>
      </c>
    </row>
    <row r="1545" spans="1:3" ht="24">
      <c r="A1545" s="10">
        <v>1543</v>
      </c>
      <c r="B1545" s="10" t="s">
        <v>896</v>
      </c>
      <c r="C1545" s="12" t="s">
        <v>545</v>
      </c>
    </row>
    <row r="1546" spans="1:3" ht="24">
      <c r="A1546" s="13">
        <v>1544</v>
      </c>
      <c r="B1546" s="10" t="s">
        <v>896</v>
      </c>
      <c r="C1546" s="12" t="s">
        <v>545</v>
      </c>
    </row>
    <row r="1547" spans="1:3" ht="24">
      <c r="A1547" s="13">
        <v>1545</v>
      </c>
      <c r="B1547" s="10" t="s">
        <v>896</v>
      </c>
      <c r="C1547" s="12" t="s">
        <v>545</v>
      </c>
    </row>
    <row r="1548" spans="1:3" ht="24">
      <c r="A1548" s="13">
        <v>1546</v>
      </c>
      <c r="B1548" s="10" t="s">
        <v>896</v>
      </c>
      <c r="C1548" s="12" t="s">
        <v>545</v>
      </c>
    </row>
    <row r="1549" spans="1:3" ht="24">
      <c r="A1549" s="10">
        <v>1547</v>
      </c>
      <c r="B1549" s="10" t="s">
        <v>896</v>
      </c>
      <c r="C1549" s="12" t="s">
        <v>545</v>
      </c>
    </row>
    <row r="1550" spans="1:3" ht="24">
      <c r="A1550" s="13">
        <v>1548</v>
      </c>
      <c r="B1550" s="10" t="s">
        <v>896</v>
      </c>
      <c r="C1550" s="12" t="s">
        <v>545</v>
      </c>
    </row>
    <row r="1551" spans="1:3" ht="24">
      <c r="A1551" s="13">
        <v>1549</v>
      </c>
      <c r="B1551" s="10" t="s">
        <v>896</v>
      </c>
      <c r="C1551" s="12" t="s">
        <v>545</v>
      </c>
    </row>
    <row r="1552" spans="1:3" ht="24">
      <c r="A1552" s="13">
        <v>1550</v>
      </c>
      <c r="B1552" s="10" t="s">
        <v>896</v>
      </c>
      <c r="C1552" s="12" t="s">
        <v>545</v>
      </c>
    </row>
    <row r="1553" spans="1:3" ht="24">
      <c r="A1553" s="10">
        <v>1551</v>
      </c>
      <c r="B1553" s="10" t="s">
        <v>896</v>
      </c>
      <c r="C1553" s="12" t="s">
        <v>545</v>
      </c>
    </row>
    <row r="1554" spans="1:3" ht="24">
      <c r="A1554" s="13">
        <v>1552</v>
      </c>
      <c r="B1554" s="10" t="s">
        <v>896</v>
      </c>
      <c r="C1554" s="12" t="s">
        <v>545</v>
      </c>
    </row>
    <row r="1555" spans="1:3" ht="24">
      <c r="A1555" s="13">
        <v>1553</v>
      </c>
      <c r="B1555" s="10" t="s">
        <v>896</v>
      </c>
      <c r="C1555" s="12" t="s">
        <v>545</v>
      </c>
    </row>
    <row r="1556" spans="1:3" ht="24">
      <c r="A1556" s="13">
        <v>1554</v>
      </c>
      <c r="B1556" s="10" t="s">
        <v>896</v>
      </c>
      <c r="C1556" s="12" t="s">
        <v>545</v>
      </c>
    </row>
    <row r="1557" spans="1:3" ht="24">
      <c r="A1557" s="10">
        <v>1555</v>
      </c>
      <c r="B1557" s="10" t="s">
        <v>896</v>
      </c>
      <c r="C1557" s="12" t="s">
        <v>545</v>
      </c>
    </row>
    <row r="1558" spans="1:3" ht="24">
      <c r="A1558" s="13">
        <v>1556</v>
      </c>
      <c r="B1558" s="10" t="s">
        <v>896</v>
      </c>
      <c r="C1558" s="12" t="s">
        <v>545</v>
      </c>
    </row>
    <row r="1559" spans="1:3" ht="24">
      <c r="A1559" s="13">
        <v>1557</v>
      </c>
      <c r="B1559" s="10" t="s">
        <v>896</v>
      </c>
      <c r="C1559" s="12" t="s">
        <v>545</v>
      </c>
    </row>
    <row r="1560" spans="1:3" ht="24">
      <c r="A1560" s="13">
        <v>1558</v>
      </c>
      <c r="B1560" s="10" t="s">
        <v>896</v>
      </c>
      <c r="C1560" s="12" t="s">
        <v>545</v>
      </c>
    </row>
    <row r="1561" spans="1:3" ht="24">
      <c r="A1561" s="10">
        <v>1559</v>
      </c>
      <c r="B1561" s="10" t="s">
        <v>897</v>
      </c>
      <c r="C1561" s="12" t="s">
        <v>545</v>
      </c>
    </row>
    <row r="1562" spans="1:3" ht="24">
      <c r="A1562" s="13">
        <v>1560</v>
      </c>
      <c r="B1562" s="10" t="s">
        <v>898</v>
      </c>
      <c r="C1562" s="12" t="s">
        <v>545</v>
      </c>
    </row>
    <row r="1563" spans="1:3" ht="24">
      <c r="A1563" s="13">
        <v>1561</v>
      </c>
      <c r="B1563" s="10" t="s">
        <v>898</v>
      </c>
      <c r="C1563" s="12" t="s">
        <v>545</v>
      </c>
    </row>
    <row r="1564" spans="1:3" ht="24">
      <c r="A1564" s="13">
        <v>1562</v>
      </c>
      <c r="B1564" s="10" t="s">
        <v>898</v>
      </c>
      <c r="C1564" s="12" t="s">
        <v>545</v>
      </c>
    </row>
    <row r="1565" spans="1:3" ht="24">
      <c r="A1565" s="10">
        <v>1563</v>
      </c>
      <c r="B1565" s="10" t="s">
        <v>898</v>
      </c>
      <c r="C1565" s="12" t="s">
        <v>545</v>
      </c>
    </row>
    <row r="1566" spans="1:3" ht="24">
      <c r="A1566" s="13">
        <v>1564</v>
      </c>
      <c r="B1566" s="10" t="s">
        <v>898</v>
      </c>
      <c r="C1566" s="12" t="s">
        <v>545</v>
      </c>
    </row>
    <row r="1567" spans="1:3" ht="24">
      <c r="A1567" s="13">
        <v>1565</v>
      </c>
      <c r="B1567" s="10" t="s">
        <v>898</v>
      </c>
      <c r="C1567" s="12" t="s">
        <v>545</v>
      </c>
    </row>
    <row r="1568" spans="1:3" ht="24">
      <c r="A1568" s="13">
        <v>1566</v>
      </c>
      <c r="B1568" s="10" t="s">
        <v>898</v>
      </c>
      <c r="C1568" s="12" t="s">
        <v>545</v>
      </c>
    </row>
    <row r="1569" spans="1:3" ht="24">
      <c r="A1569" s="10">
        <v>1567</v>
      </c>
      <c r="B1569" s="10" t="s">
        <v>898</v>
      </c>
      <c r="C1569" s="12" t="s">
        <v>545</v>
      </c>
    </row>
    <row r="1570" spans="1:3" ht="24">
      <c r="A1570" s="13">
        <v>1568</v>
      </c>
      <c r="B1570" s="10" t="s">
        <v>898</v>
      </c>
      <c r="C1570" s="12" t="s">
        <v>545</v>
      </c>
    </row>
    <row r="1571" spans="1:3" ht="24">
      <c r="A1571" s="13">
        <v>1569</v>
      </c>
      <c r="B1571" s="10" t="s">
        <v>898</v>
      </c>
      <c r="C1571" s="12" t="s">
        <v>545</v>
      </c>
    </row>
    <row r="1572" spans="1:3" ht="24">
      <c r="A1572" s="13">
        <v>1570</v>
      </c>
      <c r="B1572" s="10" t="s">
        <v>898</v>
      </c>
      <c r="C1572" s="12" t="s">
        <v>545</v>
      </c>
    </row>
    <row r="1573" spans="1:3" ht="24">
      <c r="A1573" s="10">
        <v>1571</v>
      </c>
      <c r="B1573" s="10" t="s">
        <v>898</v>
      </c>
      <c r="C1573" s="12" t="s">
        <v>545</v>
      </c>
    </row>
    <row r="1574" spans="1:3" ht="31.5">
      <c r="A1574" s="13">
        <v>1572</v>
      </c>
      <c r="B1574" s="10" t="s">
        <v>899</v>
      </c>
      <c r="C1574" s="12" t="s">
        <v>545</v>
      </c>
    </row>
    <row r="1575" spans="1:3" ht="31.5">
      <c r="A1575" s="13">
        <v>1573</v>
      </c>
      <c r="B1575" s="10" t="s">
        <v>900</v>
      </c>
      <c r="C1575" s="12" t="s">
        <v>545</v>
      </c>
    </row>
    <row r="1576" spans="1:3" ht="31.5">
      <c r="A1576" s="13">
        <v>1574</v>
      </c>
      <c r="B1576" s="10" t="s">
        <v>899</v>
      </c>
      <c r="C1576" s="12" t="s">
        <v>545</v>
      </c>
    </row>
    <row r="1577" spans="1:3" ht="24">
      <c r="A1577" s="10">
        <v>1575</v>
      </c>
      <c r="B1577" s="10" t="s">
        <v>901</v>
      </c>
      <c r="C1577" s="12" t="s">
        <v>545</v>
      </c>
    </row>
    <row r="1578" spans="1:3" ht="24">
      <c r="A1578" s="13">
        <v>1576</v>
      </c>
      <c r="B1578" s="10" t="s">
        <v>902</v>
      </c>
      <c r="C1578" s="12" t="s">
        <v>545</v>
      </c>
    </row>
    <row r="1579" spans="1:3" ht="24">
      <c r="A1579" s="13">
        <v>1577</v>
      </c>
      <c r="B1579" s="10" t="s">
        <v>903</v>
      </c>
      <c r="C1579" s="12" t="s">
        <v>545</v>
      </c>
    </row>
    <row r="1580" spans="1:3" ht="24">
      <c r="A1580" s="13">
        <v>1578</v>
      </c>
      <c r="B1580" s="10" t="s">
        <v>903</v>
      </c>
      <c r="C1580" s="12" t="s">
        <v>545</v>
      </c>
    </row>
    <row r="1581" spans="1:3" ht="31.5">
      <c r="A1581" s="10">
        <v>1579</v>
      </c>
      <c r="B1581" s="10" t="s">
        <v>904</v>
      </c>
      <c r="C1581" s="12" t="s">
        <v>545</v>
      </c>
    </row>
    <row r="1582" spans="1:3" ht="24">
      <c r="A1582" s="13">
        <v>1580</v>
      </c>
      <c r="B1582" s="10" t="s">
        <v>905</v>
      </c>
      <c r="C1582" s="12" t="s">
        <v>545</v>
      </c>
    </row>
    <row r="1583" spans="1:3" ht="24">
      <c r="A1583" s="13">
        <v>1581</v>
      </c>
      <c r="B1583" s="10" t="s">
        <v>905</v>
      </c>
      <c r="C1583" s="12" t="s">
        <v>545</v>
      </c>
    </row>
    <row r="1584" spans="1:3" ht="24">
      <c r="A1584" s="13">
        <v>1582</v>
      </c>
      <c r="B1584" s="10" t="s">
        <v>905</v>
      </c>
      <c r="C1584" s="12" t="s">
        <v>545</v>
      </c>
    </row>
    <row r="1585" spans="1:3" ht="24">
      <c r="A1585" s="10">
        <v>1583</v>
      </c>
      <c r="B1585" s="10" t="s">
        <v>905</v>
      </c>
      <c r="C1585" s="12" t="s">
        <v>545</v>
      </c>
    </row>
    <row r="1586" spans="1:3" ht="24">
      <c r="A1586" s="13">
        <v>1584</v>
      </c>
      <c r="B1586" s="10" t="s">
        <v>905</v>
      </c>
      <c r="C1586" s="12" t="s">
        <v>545</v>
      </c>
    </row>
    <row r="1587" spans="1:3" ht="24">
      <c r="A1587" s="13">
        <v>1585</v>
      </c>
      <c r="B1587" s="10" t="s">
        <v>905</v>
      </c>
      <c r="C1587" s="12" t="s">
        <v>545</v>
      </c>
    </row>
    <row r="1588" spans="1:3" ht="24">
      <c r="A1588" s="13">
        <v>1586</v>
      </c>
      <c r="B1588" s="10" t="s">
        <v>905</v>
      </c>
      <c r="C1588" s="12" t="s">
        <v>545</v>
      </c>
    </row>
    <row r="1589" spans="1:3" ht="24">
      <c r="A1589" s="10">
        <v>1587</v>
      </c>
      <c r="B1589" s="10" t="s">
        <v>905</v>
      </c>
      <c r="C1589" s="12" t="s">
        <v>545</v>
      </c>
    </row>
    <row r="1590" spans="1:3" ht="24">
      <c r="A1590" s="13">
        <v>1588</v>
      </c>
      <c r="B1590" s="10" t="s">
        <v>905</v>
      </c>
      <c r="C1590" s="12" t="s">
        <v>545</v>
      </c>
    </row>
    <row r="1591" spans="1:3" ht="24">
      <c r="A1591" s="13">
        <v>1589</v>
      </c>
      <c r="B1591" s="10" t="s">
        <v>905</v>
      </c>
      <c r="C1591" s="12" t="s">
        <v>545</v>
      </c>
    </row>
    <row r="1592" spans="1:3" ht="24">
      <c r="A1592" s="13">
        <v>1590</v>
      </c>
      <c r="B1592" s="10" t="s">
        <v>906</v>
      </c>
      <c r="C1592" s="12" t="s">
        <v>545</v>
      </c>
    </row>
    <row r="1593" spans="1:3" ht="24">
      <c r="A1593" s="10">
        <v>1591</v>
      </c>
      <c r="B1593" s="10" t="s">
        <v>906</v>
      </c>
      <c r="C1593" s="12" t="s">
        <v>545</v>
      </c>
    </row>
    <row r="1594" spans="1:3" ht="24">
      <c r="A1594" s="13">
        <v>1592</v>
      </c>
      <c r="B1594" s="10" t="s">
        <v>907</v>
      </c>
      <c r="C1594" s="12" t="s">
        <v>545</v>
      </c>
    </row>
    <row r="1595" spans="1:3" ht="31.5">
      <c r="A1595" s="13">
        <v>1593</v>
      </c>
      <c r="B1595" s="10" t="s">
        <v>908</v>
      </c>
      <c r="C1595" s="12" t="s">
        <v>545</v>
      </c>
    </row>
    <row r="1596" spans="1:3" ht="24">
      <c r="A1596" s="13">
        <v>1594</v>
      </c>
      <c r="B1596" s="10" t="s">
        <v>909</v>
      </c>
      <c r="C1596" s="12" t="s">
        <v>545</v>
      </c>
    </row>
    <row r="1597" spans="1:3" ht="24">
      <c r="A1597" s="10">
        <v>1595</v>
      </c>
      <c r="B1597" s="10" t="s">
        <v>910</v>
      </c>
      <c r="C1597" s="12" t="s">
        <v>545</v>
      </c>
    </row>
    <row r="1598" spans="1:3" ht="24">
      <c r="A1598" s="13">
        <v>1596</v>
      </c>
      <c r="B1598" s="10" t="s">
        <v>37</v>
      </c>
      <c r="C1598" s="12" t="s">
        <v>545</v>
      </c>
    </row>
    <row r="1599" spans="1:3" ht="24">
      <c r="A1599" s="13">
        <v>1597</v>
      </c>
      <c r="B1599" s="10" t="s">
        <v>37</v>
      </c>
      <c r="C1599" s="12" t="s">
        <v>545</v>
      </c>
    </row>
    <row r="1600" spans="1:3" ht="24">
      <c r="A1600" s="13">
        <v>1598</v>
      </c>
      <c r="B1600" s="10" t="s">
        <v>911</v>
      </c>
      <c r="C1600" s="12" t="s">
        <v>545</v>
      </c>
    </row>
    <row r="1601" spans="1:3" ht="24">
      <c r="A1601" s="10">
        <v>1599</v>
      </c>
      <c r="B1601" s="10" t="s">
        <v>912</v>
      </c>
      <c r="C1601" s="12" t="s">
        <v>545</v>
      </c>
    </row>
    <row r="1602" spans="1:3" ht="24">
      <c r="A1602" s="13">
        <v>1600</v>
      </c>
      <c r="B1602" s="10" t="s">
        <v>912</v>
      </c>
      <c r="C1602" s="12" t="s">
        <v>545</v>
      </c>
    </row>
    <row r="1603" spans="1:3" ht="24">
      <c r="A1603" s="13">
        <v>1601</v>
      </c>
      <c r="B1603" s="10" t="s">
        <v>913</v>
      </c>
      <c r="C1603" s="12" t="s">
        <v>545</v>
      </c>
    </row>
    <row r="1604" spans="1:3" ht="24">
      <c r="A1604" s="13">
        <v>1602</v>
      </c>
      <c r="B1604" s="10" t="s">
        <v>913</v>
      </c>
      <c r="C1604" s="12" t="s">
        <v>545</v>
      </c>
    </row>
    <row r="1605" spans="1:3" ht="24">
      <c r="A1605" s="10">
        <v>1603</v>
      </c>
      <c r="B1605" s="10" t="s">
        <v>914</v>
      </c>
      <c r="C1605" s="12" t="s">
        <v>545</v>
      </c>
    </row>
    <row r="1606" spans="1:3" ht="24">
      <c r="A1606" s="13">
        <v>1604</v>
      </c>
      <c r="B1606" s="10" t="s">
        <v>914</v>
      </c>
      <c r="C1606" s="12" t="s">
        <v>545</v>
      </c>
    </row>
    <row r="1607" spans="1:3" ht="24">
      <c r="A1607" s="13">
        <v>1605</v>
      </c>
      <c r="B1607" s="10" t="s">
        <v>915</v>
      </c>
      <c r="C1607" s="12" t="s">
        <v>545</v>
      </c>
    </row>
    <row r="1608" spans="1:3" ht="24">
      <c r="A1608" s="13">
        <v>1606</v>
      </c>
      <c r="B1608" s="10" t="s">
        <v>916</v>
      </c>
      <c r="C1608" s="12" t="s">
        <v>545</v>
      </c>
    </row>
    <row r="1609" spans="1:3" ht="24">
      <c r="A1609" s="10">
        <v>1607</v>
      </c>
      <c r="B1609" s="10" t="s">
        <v>916</v>
      </c>
      <c r="C1609" s="12" t="s">
        <v>545</v>
      </c>
    </row>
    <row r="1610" spans="1:3" ht="24">
      <c r="A1610" s="13">
        <v>1608</v>
      </c>
      <c r="B1610" s="10" t="s">
        <v>917</v>
      </c>
      <c r="C1610" s="12" t="s">
        <v>545</v>
      </c>
    </row>
    <row r="1611" spans="1:3" ht="24">
      <c r="A1611" s="13">
        <v>1609</v>
      </c>
      <c r="B1611" s="10" t="s">
        <v>917</v>
      </c>
      <c r="C1611" s="12" t="s">
        <v>545</v>
      </c>
    </row>
    <row r="1612" spans="1:3" ht="24">
      <c r="A1612" s="13">
        <v>1610</v>
      </c>
      <c r="B1612" s="10" t="s">
        <v>917</v>
      </c>
      <c r="C1612" s="12" t="s">
        <v>545</v>
      </c>
    </row>
    <row r="1613" spans="1:3" ht="24">
      <c r="A1613" s="10">
        <v>1611</v>
      </c>
      <c r="B1613" s="10" t="s">
        <v>917</v>
      </c>
      <c r="C1613" s="12" t="s">
        <v>545</v>
      </c>
    </row>
    <row r="1614" spans="1:3" ht="24">
      <c r="A1614" s="13">
        <v>1612</v>
      </c>
      <c r="B1614" s="10" t="s">
        <v>917</v>
      </c>
      <c r="C1614" s="12" t="s">
        <v>545</v>
      </c>
    </row>
    <row r="1615" spans="1:3" ht="24">
      <c r="A1615" s="13">
        <v>1613</v>
      </c>
      <c r="B1615" s="10" t="s">
        <v>917</v>
      </c>
      <c r="C1615" s="12" t="s">
        <v>545</v>
      </c>
    </row>
    <row r="1616" spans="1:3" ht="24">
      <c r="A1616" s="13">
        <v>1614</v>
      </c>
      <c r="B1616" s="10" t="s">
        <v>917</v>
      </c>
      <c r="C1616" s="12" t="s">
        <v>545</v>
      </c>
    </row>
    <row r="1617" spans="1:3" ht="24">
      <c r="A1617" s="10">
        <v>1615</v>
      </c>
      <c r="B1617" s="10" t="s">
        <v>917</v>
      </c>
      <c r="C1617" s="12" t="s">
        <v>545</v>
      </c>
    </row>
    <row r="1618" spans="1:3" ht="24">
      <c r="A1618" s="13">
        <v>1616</v>
      </c>
      <c r="B1618" s="10" t="s">
        <v>917</v>
      </c>
      <c r="C1618" s="12" t="s">
        <v>545</v>
      </c>
    </row>
    <row r="1619" spans="1:3" ht="24">
      <c r="A1619" s="13">
        <v>1617</v>
      </c>
      <c r="B1619" s="10" t="s">
        <v>918</v>
      </c>
      <c r="C1619" s="12" t="s">
        <v>545</v>
      </c>
    </row>
    <row r="1620" spans="1:3" ht="24">
      <c r="A1620" s="13">
        <v>1618</v>
      </c>
      <c r="B1620" s="10" t="s">
        <v>918</v>
      </c>
      <c r="C1620" s="12" t="s">
        <v>545</v>
      </c>
    </row>
    <row r="1621" spans="1:3" ht="24">
      <c r="A1621" s="10">
        <v>1619</v>
      </c>
      <c r="B1621" s="10" t="s">
        <v>919</v>
      </c>
      <c r="C1621" s="12" t="s">
        <v>545</v>
      </c>
    </row>
    <row r="1622" spans="1:3" ht="24">
      <c r="A1622" s="13">
        <v>1620</v>
      </c>
      <c r="B1622" s="10" t="s">
        <v>919</v>
      </c>
      <c r="C1622" s="12" t="s">
        <v>545</v>
      </c>
    </row>
    <row r="1623" spans="1:3" ht="24">
      <c r="A1623" s="13">
        <v>1621</v>
      </c>
      <c r="B1623" s="10" t="s">
        <v>919</v>
      </c>
      <c r="C1623" s="12" t="s">
        <v>545</v>
      </c>
    </row>
    <row r="1624" spans="1:3" ht="24">
      <c r="A1624" s="13">
        <v>1622</v>
      </c>
      <c r="B1624" s="10" t="s">
        <v>920</v>
      </c>
      <c r="C1624" s="12" t="s">
        <v>545</v>
      </c>
    </row>
    <row r="1625" spans="1:3" ht="24">
      <c r="A1625" s="10">
        <v>1623</v>
      </c>
      <c r="B1625" s="10" t="s">
        <v>921</v>
      </c>
      <c r="C1625" s="12" t="s">
        <v>545</v>
      </c>
    </row>
    <row r="1626" spans="1:3" ht="24">
      <c r="A1626" s="13">
        <v>1624</v>
      </c>
      <c r="B1626" s="10" t="s">
        <v>922</v>
      </c>
      <c r="C1626" s="12" t="s">
        <v>545</v>
      </c>
    </row>
    <row r="1627" spans="1:3" ht="24">
      <c r="A1627" s="13">
        <v>1625</v>
      </c>
      <c r="B1627" s="10" t="s">
        <v>922</v>
      </c>
      <c r="C1627" s="12" t="s">
        <v>545</v>
      </c>
    </row>
    <row r="1628" spans="1:3" ht="24">
      <c r="A1628" s="13">
        <v>1626</v>
      </c>
      <c r="B1628" s="10" t="s">
        <v>922</v>
      </c>
      <c r="C1628" s="12" t="s">
        <v>545</v>
      </c>
    </row>
    <row r="1629" spans="1:3" ht="24">
      <c r="A1629" s="10">
        <v>1627</v>
      </c>
      <c r="B1629" s="10" t="s">
        <v>922</v>
      </c>
      <c r="C1629" s="12" t="s">
        <v>545</v>
      </c>
    </row>
    <row r="1630" spans="1:3" ht="24">
      <c r="A1630" s="13">
        <v>1628</v>
      </c>
      <c r="B1630" s="10" t="s">
        <v>922</v>
      </c>
      <c r="C1630" s="12" t="s">
        <v>545</v>
      </c>
    </row>
    <row r="1631" spans="1:3" ht="24">
      <c r="A1631" s="13">
        <v>1629</v>
      </c>
      <c r="B1631" s="10" t="s">
        <v>922</v>
      </c>
      <c r="C1631" s="12" t="s">
        <v>545</v>
      </c>
    </row>
    <row r="1632" spans="1:3" ht="24">
      <c r="A1632" s="13">
        <v>1630</v>
      </c>
      <c r="B1632" s="10" t="s">
        <v>923</v>
      </c>
      <c r="C1632" s="12" t="s">
        <v>545</v>
      </c>
    </row>
    <row r="1633" spans="1:3" ht="24">
      <c r="A1633" s="10">
        <v>1631</v>
      </c>
      <c r="B1633" s="10" t="s">
        <v>923</v>
      </c>
      <c r="C1633" s="12" t="s">
        <v>545</v>
      </c>
    </row>
    <row r="1634" spans="1:3" ht="24">
      <c r="A1634" s="13">
        <v>1632</v>
      </c>
      <c r="B1634" s="10" t="s">
        <v>923</v>
      </c>
      <c r="C1634" s="12" t="s">
        <v>545</v>
      </c>
    </row>
    <row r="1635" spans="1:3" ht="24">
      <c r="A1635" s="13">
        <v>1633</v>
      </c>
      <c r="B1635" s="10" t="s">
        <v>924</v>
      </c>
      <c r="C1635" s="12" t="s">
        <v>545</v>
      </c>
    </row>
    <row r="1636" spans="1:3" ht="24">
      <c r="A1636" s="13">
        <v>1634</v>
      </c>
      <c r="B1636" s="10" t="s">
        <v>924</v>
      </c>
      <c r="C1636" s="12" t="s">
        <v>545</v>
      </c>
    </row>
    <row r="1637" spans="1:3" ht="24">
      <c r="A1637" s="10">
        <v>1635</v>
      </c>
      <c r="B1637" s="10" t="s">
        <v>924</v>
      </c>
      <c r="C1637" s="12" t="s">
        <v>545</v>
      </c>
    </row>
    <row r="1638" spans="1:3" ht="24">
      <c r="A1638" s="13">
        <v>1636</v>
      </c>
      <c r="B1638" s="10" t="s">
        <v>924</v>
      </c>
      <c r="C1638" s="12" t="s">
        <v>545</v>
      </c>
    </row>
    <row r="1639" spans="1:3" ht="24">
      <c r="A1639" s="13">
        <v>1637</v>
      </c>
      <c r="B1639" s="10" t="s">
        <v>924</v>
      </c>
      <c r="C1639" s="12" t="s">
        <v>545</v>
      </c>
    </row>
    <row r="1640" spans="1:3" ht="24">
      <c r="A1640" s="13">
        <v>1638</v>
      </c>
      <c r="B1640" s="10" t="s">
        <v>924</v>
      </c>
      <c r="C1640" s="12" t="s">
        <v>545</v>
      </c>
    </row>
    <row r="1641" spans="1:3" ht="24">
      <c r="A1641" s="10">
        <v>1639</v>
      </c>
      <c r="B1641" s="10" t="s">
        <v>924</v>
      </c>
      <c r="C1641" s="12" t="s">
        <v>545</v>
      </c>
    </row>
    <row r="1642" spans="1:3" ht="24">
      <c r="A1642" s="13">
        <v>1640</v>
      </c>
      <c r="B1642" s="10" t="s">
        <v>924</v>
      </c>
      <c r="C1642" s="12" t="s">
        <v>545</v>
      </c>
    </row>
    <row r="1643" spans="1:3" ht="24">
      <c r="A1643" s="13">
        <v>1641</v>
      </c>
      <c r="B1643" s="10" t="s">
        <v>924</v>
      </c>
      <c r="C1643" s="12" t="s">
        <v>545</v>
      </c>
    </row>
    <row r="1644" spans="1:3" ht="24">
      <c r="A1644" s="13">
        <v>1642</v>
      </c>
      <c r="B1644" s="10" t="s">
        <v>924</v>
      </c>
      <c r="C1644" s="12" t="s">
        <v>545</v>
      </c>
    </row>
    <row r="1645" spans="1:3" ht="24">
      <c r="A1645" s="10">
        <v>1643</v>
      </c>
      <c r="B1645" s="10" t="s">
        <v>924</v>
      </c>
      <c r="C1645" s="12" t="s">
        <v>545</v>
      </c>
    </row>
    <row r="1646" spans="1:3" ht="24">
      <c r="A1646" s="13">
        <v>1644</v>
      </c>
      <c r="B1646" s="10" t="s">
        <v>924</v>
      </c>
      <c r="C1646" s="12" t="s">
        <v>545</v>
      </c>
    </row>
    <row r="1647" spans="1:3" ht="24">
      <c r="A1647" s="13">
        <v>1645</v>
      </c>
      <c r="B1647" s="10" t="s">
        <v>924</v>
      </c>
      <c r="C1647" s="12" t="s">
        <v>545</v>
      </c>
    </row>
    <row r="1648" spans="1:3" ht="24">
      <c r="A1648" s="13">
        <v>1646</v>
      </c>
      <c r="B1648" s="10" t="s">
        <v>925</v>
      </c>
      <c r="C1648" s="12" t="s">
        <v>545</v>
      </c>
    </row>
    <row r="1649" spans="1:3" ht="24">
      <c r="A1649" s="10">
        <v>1647</v>
      </c>
      <c r="B1649" s="10" t="s">
        <v>925</v>
      </c>
      <c r="C1649" s="12" t="s">
        <v>545</v>
      </c>
    </row>
    <row r="1650" spans="1:3" ht="24">
      <c r="A1650" s="13">
        <v>1648</v>
      </c>
      <c r="B1650" s="10" t="s">
        <v>926</v>
      </c>
      <c r="C1650" s="12" t="s">
        <v>545</v>
      </c>
    </row>
    <row r="1651" spans="1:3" ht="31.5">
      <c r="A1651" s="13">
        <v>1649</v>
      </c>
      <c r="B1651" s="10" t="s">
        <v>927</v>
      </c>
      <c r="C1651" s="12" t="s">
        <v>545</v>
      </c>
    </row>
    <row r="1652" spans="1:3" ht="31.5">
      <c r="A1652" s="13">
        <v>1650</v>
      </c>
      <c r="B1652" s="10" t="s">
        <v>928</v>
      </c>
      <c r="C1652" s="12" t="s">
        <v>545</v>
      </c>
    </row>
    <row r="1653" spans="1:3" ht="24">
      <c r="A1653" s="10">
        <v>1651</v>
      </c>
      <c r="B1653" s="10" t="s">
        <v>929</v>
      </c>
      <c r="C1653" s="12" t="s">
        <v>545</v>
      </c>
    </row>
    <row r="1654" spans="1:3" ht="24">
      <c r="A1654" s="13">
        <v>1652</v>
      </c>
      <c r="B1654" s="10" t="s">
        <v>929</v>
      </c>
      <c r="C1654" s="12" t="s">
        <v>545</v>
      </c>
    </row>
    <row r="1655" spans="1:3" ht="24">
      <c r="A1655" s="13">
        <v>1653</v>
      </c>
      <c r="B1655" s="10" t="s">
        <v>878</v>
      </c>
      <c r="C1655" s="12" t="s">
        <v>545</v>
      </c>
    </row>
    <row r="1656" spans="1:3" ht="24">
      <c r="A1656" s="13">
        <v>1654</v>
      </c>
      <c r="B1656" s="10" t="s">
        <v>878</v>
      </c>
      <c r="C1656" s="12" t="s">
        <v>545</v>
      </c>
    </row>
    <row r="1657" spans="1:3" ht="24">
      <c r="A1657" s="10">
        <v>1655</v>
      </c>
      <c r="B1657" s="10" t="s">
        <v>878</v>
      </c>
      <c r="C1657" s="12" t="s">
        <v>545</v>
      </c>
    </row>
    <row r="1658" spans="1:3" ht="24">
      <c r="A1658" s="13">
        <v>1656</v>
      </c>
      <c r="B1658" s="10" t="s">
        <v>878</v>
      </c>
      <c r="C1658" s="12" t="s">
        <v>545</v>
      </c>
    </row>
    <row r="1659" spans="1:3" ht="24">
      <c r="A1659" s="13">
        <v>1657</v>
      </c>
      <c r="B1659" s="10" t="s">
        <v>878</v>
      </c>
      <c r="C1659" s="12" t="s">
        <v>545</v>
      </c>
    </row>
    <row r="1660" spans="1:3" ht="24">
      <c r="A1660" s="13">
        <v>1658</v>
      </c>
      <c r="B1660" s="10" t="s">
        <v>878</v>
      </c>
      <c r="C1660" s="12" t="s">
        <v>545</v>
      </c>
    </row>
    <row r="1661" spans="1:3" ht="24">
      <c r="A1661" s="10">
        <v>1659</v>
      </c>
      <c r="B1661" s="10" t="s">
        <v>878</v>
      </c>
      <c r="C1661" s="12" t="s">
        <v>545</v>
      </c>
    </row>
    <row r="1662" spans="1:3" ht="24">
      <c r="A1662" s="13">
        <v>1660</v>
      </c>
      <c r="B1662" s="10" t="s">
        <v>878</v>
      </c>
      <c r="C1662" s="12" t="s">
        <v>545</v>
      </c>
    </row>
    <row r="1663" spans="1:3" ht="24">
      <c r="A1663" s="13">
        <v>1661</v>
      </c>
      <c r="B1663" s="10" t="s">
        <v>878</v>
      </c>
      <c r="C1663" s="12" t="s">
        <v>545</v>
      </c>
    </row>
    <row r="1664" spans="1:3" ht="24">
      <c r="A1664" s="13">
        <v>1662</v>
      </c>
      <c r="B1664" s="10" t="s">
        <v>878</v>
      </c>
      <c r="C1664" s="12" t="s">
        <v>545</v>
      </c>
    </row>
    <row r="1665" spans="1:3" ht="24">
      <c r="A1665" s="10">
        <v>1663</v>
      </c>
      <c r="B1665" s="10" t="s">
        <v>878</v>
      </c>
      <c r="C1665" s="12" t="s">
        <v>545</v>
      </c>
    </row>
    <row r="1666" spans="1:3" ht="24">
      <c r="A1666" s="13">
        <v>1664</v>
      </c>
      <c r="B1666" s="10" t="s">
        <v>913</v>
      </c>
      <c r="C1666" s="12" t="s">
        <v>545</v>
      </c>
    </row>
    <row r="1667" spans="1:3" ht="24">
      <c r="A1667" s="13">
        <v>1665</v>
      </c>
      <c r="B1667" s="10" t="s">
        <v>913</v>
      </c>
      <c r="C1667" s="12" t="s">
        <v>545</v>
      </c>
    </row>
    <row r="1668" spans="1:3" ht="24">
      <c r="A1668" s="13">
        <v>1666</v>
      </c>
      <c r="B1668" s="10" t="s">
        <v>913</v>
      </c>
      <c r="C1668" s="12" t="s">
        <v>545</v>
      </c>
    </row>
    <row r="1669" spans="1:3" ht="24">
      <c r="A1669" s="10">
        <v>1667</v>
      </c>
      <c r="B1669" s="10" t="s">
        <v>913</v>
      </c>
      <c r="C1669" s="12" t="s">
        <v>545</v>
      </c>
    </row>
    <row r="1670" spans="1:3" ht="24">
      <c r="A1670" s="13">
        <v>1668</v>
      </c>
      <c r="B1670" s="10" t="s">
        <v>930</v>
      </c>
      <c r="C1670" s="12" t="s">
        <v>545</v>
      </c>
    </row>
    <row r="1671" spans="1:3" ht="24">
      <c r="A1671" s="13">
        <v>1669</v>
      </c>
      <c r="B1671" s="10" t="s">
        <v>930</v>
      </c>
      <c r="C1671" s="12" t="s">
        <v>545</v>
      </c>
    </row>
    <row r="1672" spans="1:3" ht="24">
      <c r="A1672" s="13">
        <v>1670</v>
      </c>
      <c r="B1672" s="10" t="s">
        <v>930</v>
      </c>
      <c r="C1672" s="12" t="s">
        <v>545</v>
      </c>
    </row>
    <row r="1673" spans="1:3" ht="24">
      <c r="A1673" s="10">
        <v>1671</v>
      </c>
      <c r="B1673" s="10" t="s">
        <v>930</v>
      </c>
      <c r="C1673" s="12" t="s">
        <v>545</v>
      </c>
    </row>
    <row r="1674" spans="1:3" ht="24">
      <c r="A1674" s="13">
        <v>1672</v>
      </c>
      <c r="B1674" s="10" t="s">
        <v>931</v>
      </c>
      <c r="C1674" s="12" t="s">
        <v>545</v>
      </c>
    </row>
    <row r="1675" spans="1:3" ht="31.5">
      <c r="A1675" s="13">
        <v>1673</v>
      </c>
      <c r="B1675" s="10" t="s">
        <v>932</v>
      </c>
      <c r="C1675" s="12" t="s">
        <v>545</v>
      </c>
    </row>
    <row r="1676" spans="1:3" ht="31.5">
      <c r="A1676" s="13">
        <v>1674</v>
      </c>
      <c r="B1676" s="10" t="s">
        <v>932</v>
      </c>
      <c r="C1676" s="12" t="s">
        <v>545</v>
      </c>
    </row>
    <row r="1677" spans="1:3" ht="24">
      <c r="A1677" s="10">
        <v>1675</v>
      </c>
      <c r="B1677" s="10" t="s">
        <v>933</v>
      </c>
      <c r="C1677" s="12" t="s">
        <v>545</v>
      </c>
    </row>
    <row r="1678" spans="1:3" ht="24">
      <c r="A1678" s="13">
        <v>1676</v>
      </c>
      <c r="B1678" s="10" t="s">
        <v>934</v>
      </c>
      <c r="C1678" s="12" t="s">
        <v>545</v>
      </c>
    </row>
    <row r="1679" spans="1:3" ht="24">
      <c r="A1679" s="13">
        <v>1677</v>
      </c>
      <c r="B1679" s="10" t="s">
        <v>935</v>
      </c>
      <c r="C1679" s="12" t="s">
        <v>545</v>
      </c>
    </row>
    <row r="1680" spans="1:3" ht="24">
      <c r="A1680" s="13">
        <v>1678</v>
      </c>
      <c r="B1680" s="10" t="s">
        <v>935</v>
      </c>
      <c r="C1680" s="12" t="s">
        <v>545</v>
      </c>
    </row>
    <row r="1681" spans="1:3" ht="24">
      <c r="A1681" s="10">
        <v>1679</v>
      </c>
      <c r="B1681" s="10" t="s">
        <v>935</v>
      </c>
      <c r="C1681" s="12" t="s">
        <v>545</v>
      </c>
    </row>
    <row r="1682" spans="1:3" ht="24">
      <c r="A1682" s="13">
        <v>1680</v>
      </c>
      <c r="B1682" s="10" t="s">
        <v>935</v>
      </c>
      <c r="C1682" s="12" t="s">
        <v>545</v>
      </c>
    </row>
    <row r="1683" spans="1:3" ht="24">
      <c r="A1683" s="13">
        <v>1681</v>
      </c>
      <c r="B1683" s="10" t="s">
        <v>935</v>
      </c>
      <c r="C1683" s="12" t="s">
        <v>545</v>
      </c>
    </row>
    <row r="1684" spans="1:3" ht="24">
      <c r="A1684" s="13">
        <v>1682</v>
      </c>
      <c r="B1684" s="10" t="s">
        <v>935</v>
      </c>
      <c r="C1684" s="12" t="s">
        <v>545</v>
      </c>
    </row>
    <row r="1685" spans="1:3" ht="24">
      <c r="A1685" s="10">
        <v>1683</v>
      </c>
      <c r="B1685" s="10" t="s">
        <v>935</v>
      </c>
      <c r="C1685" s="12" t="s">
        <v>545</v>
      </c>
    </row>
    <row r="1686" spans="1:3" ht="24">
      <c r="A1686" s="13">
        <v>1684</v>
      </c>
      <c r="B1686" s="10" t="s">
        <v>935</v>
      </c>
      <c r="C1686" s="12" t="s">
        <v>545</v>
      </c>
    </row>
    <row r="1687" spans="1:3" ht="24">
      <c r="A1687" s="13">
        <v>1685</v>
      </c>
      <c r="B1687" s="10" t="s">
        <v>935</v>
      </c>
      <c r="C1687" s="12" t="s">
        <v>545</v>
      </c>
    </row>
    <row r="1688" spans="1:3" ht="24">
      <c r="A1688" s="13">
        <v>1686</v>
      </c>
      <c r="B1688" s="10" t="s">
        <v>935</v>
      </c>
      <c r="C1688" s="12" t="s">
        <v>545</v>
      </c>
    </row>
    <row r="1689" spans="1:3" ht="24">
      <c r="A1689" s="10">
        <v>1687</v>
      </c>
      <c r="B1689" s="10" t="s">
        <v>935</v>
      </c>
      <c r="C1689" s="12" t="s">
        <v>545</v>
      </c>
    </row>
    <row r="1690" spans="1:3" ht="24">
      <c r="A1690" s="13">
        <v>1688</v>
      </c>
      <c r="B1690" s="10" t="s">
        <v>935</v>
      </c>
      <c r="C1690" s="12" t="s">
        <v>545</v>
      </c>
    </row>
    <row r="1691" spans="1:3" ht="24">
      <c r="A1691" s="13">
        <v>1689</v>
      </c>
      <c r="B1691" s="10" t="s">
        <v>935</v>
      </c>
      <c r="C1691" s="12" t="s">
        <v>545</v>
      </c>
    </row>
    <row r="1692" spans="1:3" ht="24">
      <c r="A1692" s="13">
        <v>1690</v>
      </c>
      <c r="B1692" s="10" t="s">
        <v>935</v>
      </c>
      <c r="C1692" s="12" t="s">
        <v>545</v>
      </c>
    </row>
    <row r="1693" spans="1:3" ht="24">
      <c r="A1693" s="10">
        <v>1691</v>
      </c>
      <c r="B1693" s="10" t="s">
        <v>936</v>
      </c>
      <c r="C1693" s="12" t="s">
        <v>545</v>
      </c>
    </row>
    <row r="1694" spans="1:3" ht="24">
      <c r="A1694" s="13">
        <v>1692</v>
      </c>
      <c r="B1694" s="10" t="s">
        <v>937</v>
      </c>
      <c r="C1694" s="12" t="s">
        <v>545</v>
      </c>
    </row>
    <row r="1695" spans="1:3" ht="24">
      <c r="A1695" s="13">
        <v>1693</v>
      </c>
      <c r="B1695" s="10" t="s">
        <v>937</v>
      </c>
      <c r="C1695" s="12" t="s">
        <v>545</v>
      </c>
    </row>
    <row r="1696" spans="1:3" ht="24">
      <c r="A1696" s="13">
        <v>1694</v>
      </c>
      <c r="B1696" s="10" t="s">
        <v>937</v>
      </c>
      <c r="C1696" s="12" t="s">
        <v>545</v>
      </c>
    </row>
    <row r="1697" spans="1:3" ht="24">
      <c r="A1697" s="10">
        <v>1695</v>
      </c>
      <c r="B1697" s="10" t="s">
        <v>938</v>
      </c>
      <c r="C1697" s="12" t="s">
        <v>545</v>
      </c>
    </row>
    <row r="1698" spans="1:3" ht="24">
      <c r="A1698" s="13">
        <v>1696</v>
      </c>
      <c r="B1698" s="10" t="s">
        <v>938</v>
      </c>
      <c r="C1698" s="12" t="s">
        <v>545</v>
      </c>
    </row>
    <row r="1699" spans="1:3" ht="24">
      <c r="A1699" s="13">
        <v>1697</v>
      </c>
      <c r="B1699" s="10" t="s">
        <v>534</v>
      </c>
      <c r="C1699" s="12" t="s">
        <v>545</v>
      </c>
    </row>
    <row r="1700" spans="1:3" ht="24">
      <c r="A1700" s="13">
        <v>1698</v>
      </c>
      <c r="B1700" s="10" t="s">
        <v>534</v>
      </c>
      <c r="C1700" s="12" t="s">
        <v>545</v>
      </c>
    </row>
    <row r="1701" spans="1:3" ht="24">
      <c r="A1701" s="10">
        <v>1699</v>
      </c>
      <c r="B1701" s="10" t="s">
        <v>534</v>
      </c>
      <c r="C1701" s="12" t="s">
        <v>545</v>
      </c>
    </row>
    <row r="1702" spans="1:3" ht="24">
      <c r="A1702" s="13">
        <v>1700</v>
      </c>
      <c r="B1702" s="10" t="s">
        <v>534</v>
      </c>
      <c r="C1702" s="12" t="s">
        <v>545</v>
      </c>
    </row>
    <row r="1703" spans="1:3" ht="24">
      <c r="A1703" s="13">
        <v>1701</v>
      </c>
      <c r="B1703" s="10" t="s">
        <v>534</v>
      </c>
      <c r="C1703" s="12" t="s">
        <v>545</v>
      </c>
    </row>
    <row r="1704" spans="1:3" ht="24">
      <c r="A1704" s="13">
        <v>1702</v>
      </c>
      <c r="B1704" s="10" t="s">
        <v>534</v>
      </c>
      <c r="C1704" s="12" t="s">
        <v>545</v>
      </c>
    </row>
    <row r="1705" spans="1:3" ht="24">
      <c r="A1705" s="10">
        <v>1703</v>
      </c>
      <c r="B1705" s="10" t="s">
        <v>534</v>
      </c>
      <c r="C1705" s="12" t="s">
        <v>545</v>
      </c>
    </row>
    <row r="1706" spans="1:3" ht="24">
      <c r="A1706" s="13">
        <v>1704</v>
      </c>
      <c r="B1706" s="10" t="s">
        <v>534</v>
      </c>
      <c r="C1706" s="12" t="s">
        <v>545</v>
      </c>
    </row>
    <row r="1707" spans="1:3" ht="24">
      <c r="A1707" s="13">
        <v>1705</v>
      </c>
      <c r="B1707" s="10" t="s">
        <v>534</v>
      </c>
      <c r="C1707" s="12" t="s">
        <v>545</v>
      </c>
    </row>
    <row r="1708" spans="1:3" ht="24">
      <c r="A1708" s="13">
        <v>1706</v>
      </c>
      <c r="B1708" s="10" t="s">
        <v>534</v>
      </c>
      <c r="C1708" s="12" t="s">
        <v>545</v>
      </c>
    </row>
    <row r="1709" spans="1:3" ht="24">
      <c r="A1709" s="10">
        <v>1707</v>
      </c>
      <c r="B1709" s="10" t="s">
        <v>534</v>
      </c>
      <c r="C1709" s="12" t="s">
        <v>545</v>
      </c>
    </row>
    <row r="1710" spans="1:3" ht="24">
      <c r="A1710" s="13">
        <v>1708</v>
      </c>
      <c r="B1710" s="10" t="s">
        <v>534</v>
      </c>
      <c r="C1710" s="12" t="s">
        <v>545</v>
      </c>
    </row>
    <row r="1711" spans="1:3" ht="24">
      <c r="A1711" s="13">
        <v>1709</v>
      </c>
      <c r="B1711" s="10" t="s">
        <v>534</v>
      </c>
      <c r="C1711" s="12" t="s">
        <v>545</v>
      </c>
    </row>
    <row r="1712" spans="1:3" ht="24">
      <c r="A1712" s="13">
        <v>1710</v>
      </c>
      <c r="B1712" s="10" t="s">
        <v>534</v>
      </c>
      <c r="C1712" s="12" t="s">
        <v>545</v>
      </c>
    </row>
    <row r="1713" spans="1:3" ht="24">
      <c r="A1713" s="10">
        <v>1711</v>
      </c>
      <c r="B1713" s="10" t="s">
        <v>534</v>
      </c>
      <c r="C1713" s="12" t="s">
        <v>545</v>
      </c>
    </row>
    <row r="1714" spans="1:3" ht="24">
      <c r="A1714" s="13">
        <v>1712</v>
      </c>
      <c r="B1714" s="10" t="s">
        <v>534</v>
      </c>
      <c r="C1714" s="12" t="s">
        <v>545</v>
      </c>
    </row>
    <row r="1715" spans="1:3" ht="24">
      <c r="A1715" s="13">
        <v>1713</v>
      </c>
      <c r="B1715" s="10" t="s">
        <v>534</v>
      </c>
      <c r="C1715" s="12" t="s">
        <v>545</v>
      </c>
    </row>
    <row r="1716" spans="1:3" ht="24">
      <c r="A1716" s="13">
        <v>1714</v>
      </c>
      <c r="B1716" s="10" t="s">
        <v>534</v>
      </c>
      <c r="C1716" s="12" t="s">
        <v>545</v>
      </c>
    </row>
    <row r="1717" spans="1:3" ht="24">
      <c r="A1717" s="10">
        <v>1715</v>
      </c>
      <c r="B1717" s="10" t="s">
        <v>534</v>
      </c>
      <c r="C1717" s="12" t="s">
        <v>545</v>
      </c>
    </row>
    <row r="1718" spans="1:3" ht="24">
      <c r="A1718" s="13">
        <v>1716</v>
      </c>
      <c r="B1718" s="10" t="s">
        <v>534</v>
      </c>
      <c r="C1718" s="12" t="s">
        <v>545</v>
      </c>
    </row>
    <row r="1719" spans="1:3" ht="24">
      <c r="A1719" s="13">
        <v>1717</v>
      </c>
      <c r="B1719" s="10" t="s">
        <v>534</v>
      </c>
      <c r="C1719" s="12" t="s">
        <v>545</v>
      </c>
    </row>
    <row r="1720" spans="1:3" ht="24">
      <c r="A1720" s="13">
        <v>1718</v>
      </c>
      <c r="B1720" s="10" t="s">
        <v>534</v>
      </c>
      <c r="C1720" s="12" t="s">
        <v>545</v>
      </c>
    </row>
    <row r="1721" spans="1:3" ht="24">
      <c r="A1721" s="10">
        <v>1719</v>
      </c>
      <c r="B1721" s="10" t="s">
        <v>534</v>
      </c>
      <c r="C1721" s="12" t="s">
        <v>545</v>
      </c>
    </row>
    <row r="1722" spans="1:3" ht="24">
      <c r="A1722" s="13">
        <v>1720</v>
      </c>
      <c r="B1722" s="10" t="s">
        <v>534</v>
      </c>
      <c r="C1722" s="12" t="s">
        <v>545</v>
      </c>
    </row>
    <row r="1723" spans="1:3" ht="24">
      <c r="A1723" s="13">
        <v>1721</v>
      </c>
      <c r="B1723" s="10" t="s">
        <v>534</v>
      </c>
      <c r="C1723" s="12" t="s">
        <v>545</v>
      </c>
    </row>
    <row r="1724" spans="1:3" ht="24">
      <c r="A1724" s="13">
        <v>1722</v>
      </c>
      <c r="B1724" s="10" t="s">
        <v>534</v>
      </c>
      <c r="C1724" s="12" t="s">
        <v>545</v>
      </c>
    </row>
    <row r="1725" spans="1:3" ht="24">
      <c r="A1725" s="10">
        <v>1723</v>
      </c>
      <c r="B1725" s="10" t="s">
        <v>534</v>
      </c>
      <c r="C1725" s="12" t="s">
        <v>545</v>
      </c>
    </row>
    <row r="1726" spans="1:3" ht="24">
      <c r="A1726" s="13">
        <v>1724</v>
      </c>
      <c r="B1726" s="10" t="s">
        <v>534</v>
      </c>
      <c r="C1726" s="12" t="s">
        <v>545</v>
      </c>
    </row>
    <row r="1727" spans="1:3" ht="24">
      <c r="A1727" s="13">
        <v>1725</v>
      </c>
      <c r="B1727" s="10" t="s">
        <v>534</v>
      </c>
      <c r="C1727" s="12" t="s">
        <v>545</v>
      </c>
    </row>
    <row r="1728" spans="1:3" ht="24">
      <c r="A1728" s="13">
        <v>1726</v>
      </c>
      <c r="B1728" s="10" t="s">
        <v>534</v>
      </c>
      <c r="C1728" s="12" t="s">
        <v>545</v>
      </c>
    </row>
    <row r="1729" spans="1:3" ht="24">
      <c r="A1729" s="10">
        <v>1727</v>
      </c>
      <c r="B1729" s="10" t="s">
        <v>534</v>
      </c>
      <c r="C1729" s="12" t="s">
        <v>545</v>
      </c>
    </row>
    <row r="1730" spans="1:3" ht="24">
      <c r="A1730" s="13">
        <v>1728</v>
      </c>
      <c r="B1730" s="10" t="s">
        <v>534</v>
      </c>
      <c r="C1730" s="12" t="s">
        <v>545</v>
      </c>
    </row>
    <row r="1731" spans="1:3" ht="24">
      <c r="A1731" s="13">
        <v>1729</v>
      </c>
      <c r="B1731" s="10" t="s">
        <v>534</v>
      </c>
      <c r="C1731" s="12" t="s">
        <v>545</v>
      </c>
    </row>
    <row r="1732" spans="1:3" ht="24">
      <c r="A1732" s="13">
        <v>1730</v>
      </c>
      <c r="B1732" s="10" t="s">
        <v>534</v>
      </c>
      <c r="C1732" s="12" t="s">
        <v>545</v>
      </c>
    </row>
    <row r="1733" spans="1:3" ht="24">
      <c r="A1733" s="10">
        <v>1731</v>
      </c>
      <c r="B1733" s="10" t="s">
        <v>939</v>
      </c>
      <c r="C1733" s="12" t="s">
        <v>545</v>
      </c>
    </row>
    <row r="1734" spans="1:3" ht="24">
      <c r="A1734" s="13">
        <v>1732</v>
      </c>
      <c r="B1734" s="10" t="s">
        <v>939</v>
      </c>
      <c r="C1734" s="12" t="s">
        <v>545</v>
      </c>
    </row>
    <row r="1735" spans="1:3" ht="24">
      <c r="A1735" s="13">
        <v>1733</v>
      </c>
      <c r="B1735" s="10" t="s">
        <v>939</v>
      </c>
      <c r="C1735" s="12" t="s">
        <v>545</v>
      </c>
    </row>
    <row r="1736" spans="1:3" ht="24">
      <c r="A1736" s="13">
        <v>1734</v>
      </c>
      <c r="B1736" s="10" t="s">
        <v>939</v>
      </c>
      <c r="C1736" s="12" t="s">
        <v>545</v>
      </c>
    </row>
    <row r="1737" spans="1:3" ht="24">
      <c r="A1737" s="10">
        <v>1735</v>
      </c>
      <c r="B1737" s="10" t="s">
        <v>939</v>
      </c>
      <c r="C1737" s="12" t="s">
        <v>545</v>
      </c>
    </row>
    <row r="1738" spans="1:3" ht="24">
      <c r="A1738" s="13">
        <v>1736</v>
      </c>
      <c r="B1738" s="10" t="s">
        <v>939</v>
      </c>
      <c r="C1738" s="12" t="s">
        <v>545</v>
      </c>
    </row>
    <row r="1739" spans="1:3" ht="24">
      <c r="A1739" s="13">
        <v>1737</v>
      </c>
      <c r="B1739" s="10" t="s">
        <v>939</v>
      </c>
      <c r="C1739" s="12" t="s">
        <v>545</v>
      </c>
    </row>
    <row r="1740" spans="1:3" ht="24">
      <c r="A1740" s="13">
        <v>1738</v>
      </c>
      <c r="B1740" s="10" t="s">
        <v>940</v>
      </c>
      <c r="C1740" s="12" t="s">
        <v>545</v>
      </c>
    </row>
    <row r="1741" spans="1:3" ht="24">
      <c r="A1741" s="10">
        <v>1739</v>
      </c>
      <c r="B1741" s="10" t="s">
        <v>940</v>
      </c>
      <c r="C1741" s="12" t="s">
        <v>545</v>
      </c>
    </row>
    <row r="1742" spans="1:3" ht="24">
      <c r="A1742" s="13">
        <v>1740</v>
      </c>
      <c r="B1742" s="10" t="s">
        <v>940</v>
      </c>
      <c r="C1742" s="12" t="s">
        <v>545</v>
      </c>
    </row>
    <row r="1743" spans="1:3" ht="24">
      <c r="A1743" s="13">
        <v>1741</v>
      </c>
      <c r="B1743" s="10" t="s">
        <v>940</v>
      </c>
      <c r="C1743" s="12" t="s">
        <v>545</v>
      </c>
    </row>
    <row r="1744" spans="1:3" ht="24">
      <c r="A1744" s="13">
        <v>1742</v>
      </c>
      <c r="B1744" s="10" t="s">
        <v>940</v>
      </c>
      <c r="C1744" s="12" t="s">
        <v>545</v>
      </c>
    </row>
    <row r="1745" spans="1:3" ht="24">
      <c r="A1745" s="10">
        <v>1743</v>
      </c>
      <c r="B1745" s="10" t="s">
        <v>940</v>
      </c>
      <c r="C1745" s="12" t="s">
        <v>545</v>
      </c>
    </row>
    <row r="1746" spans="1:3" ht="24">
      <c r="A1746" s="13">
        <v>1744</v>
      </c>
      <c r="B1746" s="10" t="s">
        <v>940</v>
      </c>
      <c r="C1746" s="12" t="s">
        <v>545</v>
      </c>
    </row>
    <row r="1747" spans="1:3" ht="24">
      <c r="A1747" s="13">
        <v>1745</v>
      </c>
      <c r="B1747" s="10" t="s">
        <v>941</v>
      </c>
      <c r="C1747" s="12" t="s">
        <v>545</v>
      </c>
    </row>
    <row r="1748" spans="1:3" ht="24">
      <c r="A1748" s="13">
        <v>1746</v>
      </c>
      <c r="B1748" s="10" t="s">
        <v>941</v>
      </c>
      <c r="C1748" s="12" t="s">
        <v>545</v>
      </c>
    </row>
    <row r="1749" spans="1:3" ht="24">
      <c r="A1749" s="10">
        <v>1747</v>
      </c>
      <c r="B1749" s="10" t="s">
        <v>941</v>
      </c>
      <c r="C1749" s="12" t="s">
        <v>545</v>
      </c>
    </row>
    <row r="1750" spans="1:3" ht="24">
      <c r="A1750" s="13">
        <v>1748</v>
      </c>
      <c r="B1750" s="10" t="s">
        <v>941</v>
      </c>
      <c r="C1750" s="12" t="s">
        <v>545</v>
      </c>
    </row>
    <row r="1751" spans="1:3" ht="24">
      <c r="A1751" s="13">
        <v>1749</v>
      </c>
      <c r="B1751" s="10" t="s">
        <v>941</v>
      </c>
      <c r="C1751" s="12" t="s">
        <v>545</v>
      </c>
    </row>
    <row r="1752" spans="1:3" ht="24">
      <c r="A1752" s="13">
        <v>1750</v>
      </c>
      <c r="B1752" s="10" t="s">
        <v>941</v>
      </c>
      <c r="C1752" s="12" t="s">
        <v>545</v>
      </c>
    </row>
    <row r="1753" spans="1:3" ht="24">
      <c r="A1753" s="10">
        <v>1751</v>
      </c>
      <c r="B1753" s="10" t="s">
        <v>942</v>
      </c>
      <c r="C1753" s="12" t="s">
        <v>545</v>
      </c>
    </row>
    <row r="1754" spans="1:3" ht="24">
      <c r="A1754" s="13">
        <v>1752</v>
      </c>
      <c r="B1754" s="10" t="s">
        <v>939</v>
      </c>
      <c r="C1754" s="12" t="s">
        <v>545</v>
      </c>
    </row>
    <row r="1755" spans="1:3" ht="24">
      <c r="A1755" s="13">
        <v>1753</v>
      </c>
      <c r="B1755" s="10" t="s">
        <v>943</v>
      </c>
      <c r="C1755" s="12" t="s">
        <v>545</v>
      </c>
    </row>
    <row r="1756" spans="1:3" ht="24">
      <c r="A1756" s="13">
        <v>1754</v>
      </c>
      <c r="B1756" s="10" t="s">
        <v>944</v>
      </c>
      <c r="C1756" s="12" t="s">
        <v>545</v>
      </c>
    </row>
    <row r="1757" spans="1:3" ht="24">
      <c r="A1757" s="10">
        <v>1755</v>
      </c>
      <c r="B1757" s="10" t="s">
        <v>944</v>
      </c>
      <c r="C1757" s="12" t="s">
        <v>545</v>
      </c>
    </row>
    <row r="1758" spans="1:3" ht="24">
      <c r="A1758" s="13">
        <v>1756</v>
      </c>
      <c r="B1758" s="10" t="s">
        <v>944</v>
      </c>
      <c r="C1758" s="12" t="s">
        <v>545</v>
      </c>
    </row>
    <row r="1759" spans="1:3" ht="24">
      <c r="A1759" s="13">
        <v>1757</v>
      </c>
      <c r="B1759" s="10" t="s">
        <v>944</v>
      </c>
      <c r="C1759" s="12" t="s">
        <v>545</v>
      </c>
    </row>
    <row r="1760" spans="1:3" ht="24">
      <c r="A1760" s="13">
        <v>1758</v>
      </c>
      <c r="B1760" s="10" t="s">
        <v>944</v>
      </c>
      <c r="C1760" s="12" t="s">
        <v>545</v>
      </c>
    </row>
    <row r="1761" spans="1:3" ht="24">
      <c r="A1761" s="10">
        <v>1759</v>
      </c>
      <c r="B1761" s="10" t="s">
        <v>944</v>
      </c>
      <c r="C1761" s="12" t="s">
        <v>545</v>
      </c>
    </row>
    <row r="1762" spans="1:3" ht="24">
      <c r="A1762" s="13">
        <v>1760</v>
      </c>
      <c r="B1762" s="10" t="s">
        <v>944</v>
      </c>
      <c r="C1762" s="12" t="s">
        <v>545</v>
      </c>
    </row>
    <row r="1763" spans="1:3" ht="24">
      <c r="A1763" s="13">
        <v>1761</v>
      </c>
      <c r="B1763" s="10" t="s">
        <v>944</v>
      </c>
      <c r="C1763" s="12" t="s">
        <v>545</v>
      </c>
    </row>
    <row r="1764" spans="1:3" ht="24">
      <c r="A1764" s="13">
        <v>1762</v>
      </c>
      <c r="B1764" s="10" t="s">
        <v>944</v>
      </c>
      <c r="C1764" s="12" t="s">
        <v>545</v>
      </c>
    </row>
    <row r="1765" spans="1:3" ht="24">
      <c r="A1765" s="10">
        <v>1763</v>
      </c>
      <c r="B1765" s="10" t="s">
        <v>944</v>
      </c>
      <c r="C1765" s="12" t="s">
        <v>545</v>
      </c>
    </row>
    <row r="1766" spans="1:3" ht="24">
      <c r="A1766" s="13">
        <v>1764</v>
      </c>
      <c r="B1766" s="10" t="s">
        <v>944</v>
      </c>
      <c r="C1766" s="12" t="s">
        <v>545</v>
      </c>
    </row>
    <row r="1767" spans="1:3" ht="24">
      <c r="A1767" s="13">
        <v>1765</v>
      </c>
      <c r="B1767" s="10" t="s">
        <v>944</v>
      </c>
      <c r="C1767" s="12" t="s">
        <v>545</v>
      </c>
    </row>
    <row r="1768" spans="1:3" ht="24">
      <c r="A1768" s="13">
        <v>1766</v>
      </c>
      <c r="B1768" s="10" t="s">
        <v>944</v>
      </c>
      <c r="C1768" s="12" t="s">
        <v>545</v>
      </c>
    </row>
    <row r="1769" spans="1:3" ht="24">
      <c r="A1769" s="10">
        <v>1767</v>
      </c>
      <c r="B1769" s="10" t="s">
        <v>944</v>
      </c>
      <c r="C1769" s="12" t="s">
        <v>545</v>
      </c>
    </row>
    <row r="1770" spans="1:3" ht="24">
      <c r="A1770" s="13">
        <v>1768</v>
      </c>
      <c r="B1770" s="10" t="s">
        <v>944</v>
      </c>
      <c r="C1770" s="12" t="s">
        <v>545</v>
      </c>
    </row>
    <row r="1771" spans="1:3" ht="24">
      <c r="A1771" s="13">
        <v>1769</v>
      </c>
      <c r="B1771" s="10" t="s">
        <v>945</v>
      </c>
      <c r="C1771" s="12" t="s">
        <v>545</v>
      </c>
    </row>
    <row r="1772" spans="1:3" ht="24">
      <c r="A1772" s="13">
        <v>1770</v>
      </c>
      <c r="B1772" s="10" t="s">
        <v>945</v>
      </c>
      <c r="C1772" s="12" t="s">
        <v>545</v>
      </c>
    </row>
    <row r="1773" spans="1:3" ht="24">
      <c r="A1773" s="10">
        <v>1771</v>
      </c>
      <c r="B1773" s="10" t="s">
        <v>945</v>
      </c>
      <c r="C1773" s="12" t="s">
        <v>545</v>
      </c>
    </row>
    <row r="1774" spans="1:3" ht="24">
      <c r="A1774" s="13">
        <v>1772</v>
      </c>
      <c r="B1774" s="10" t="s">
        <v>945</v>
      </c>
      <c r="C1774" s="12" t="s">
        <v>545</v>
      </c>
    </row>
    <row r="1775" spans="1:3" ht="24">
      <c r="A1775" s="13">
        <v>1773</v>
      </c>
      <c r="B1775" s="10" t="s">
        <v>945</v>
      </c>
      <c r="C1775" s="12" t="s">
        <v>545</v>
      </c>
    </row>
    <row r="1776" spans="1:3" ht="24">
      <c r="A1776" s="13">
        <v>1774</v>
      </c>
      <c r="B1776" s="10" t="s">
        <v>945</v>
      </c>
      <c r="C1776" s="12" t="s">
        <v>545</v>
      </c>
    </row>
    <row r="1777" spans="1:3" ht="24">
      <c r="A1777" s="10">
        <v>1775</v>
      </c>
      <c r="B1777" s="10" t="s">
        <v>945</v>
      </c>
      <c r="C1777" s="12" t="s">
        <v>545</v>
      </c>
    </row>
    <row r="1778" spans="1:3" ht="24">
      <c r="A1778" s="13">
        <v>1776</v>
      </c>
      <c r="B1778" s="10" t="s">
        <v>945</v>
      </c>
      <c r="C1778" s="12" t="s">
        <v>545</v>
      </c>
    </row>
    <row r="1779" spans="1:3" ht="24">
      <c r="A1779" s="13">
        <v>1777</v>
      </c>
      <c r="B1779" s="10" t="s">
        <v>945</v>
      </c>
      <c r="C1779" s="12" t="s">
        <v>545</v>
      </c>
    </row>
    <row r="1780" spans="1:3" ht="24">
      <c r="A1780" s="13">
        <v>1778</v>
      </c>
      <c r="B1780" s="10" t="s">
        <v>945</v>
      </c>
      <c r="C1780" s="12" t="s">
        <v>545</v>
      </c>
    </row>
    <row r="1781" spans="1:3" ht="24">
      <c r="A1781" s="10">
        <v>1779</v>
      </c>
      <c r="B1781" s="10" t="s">
        <v>945</v>
      </c>
      <c r="C1781" s="12" t="s">
        <v>545</v>
      </c>
    </row>
    <row r="1782" spans="1:3" ht="24">
      <c r="A1782" s="13">
        <v>1780</v>
      </c>
      <c r="B1782" s="10" t="s">
        <v>945</v>
      </c>
      <c r="C1782" s="12" t="s">
        <v>545</v>
      </c>
    </row>
    <row r="1783" spans="1:3" ht="24">
      <c r="A1783" s="13">
        <v>1781</v>
      </c>
      <c r="B1783" s="10" t="s">
        <v>945</v>
      </c>
      <c r="C1783" s="12" t="s">
        <v>545</v>
      </c>
    </row>
    <row r="1784" spans="1:3" ht="24">
      <c r="A1784" s="13">
        <v>1782</v>
      </c>
      <c r="B1784" s="10" t="s">
        <v>946</v>
      </c>
      <c r="C1784" s="12" t="s">
        <v>545</v>
      </c>
    </row>
    <row r="1785" spans="1:3" ht="24">
      <c r="A1785" s="10">
        <v>1783</v>
      </c>
      <c r="B1785" s="10" t="s">
        <v>946</v>
      </c>
      <c r="C1785" s="12" t="s">
        <v>545</v>
      </c>
    </row>
    <row r="1786" spans="1:3" ht="24">
      <c r="A1786" s="13">
        <v>1784</v>
      </c>
      <c r="B1786" s="10" t="s">
        <v>946</v>
      </c>
      <c r="C1786" s="12" t="s">
        <v>545</v>
      </c>
    </row>
    <row r="1787" spans="1:3" ht="24">
      <c r="A1787" s="13">
        <v>1785</v>
      </c>
      <c r="B1787" s="10" t="s">
        <v>946</v>
      </c>
      <c r="C1787" s="12" t="s">
        <v>545</v>
      </c>
    </row>
    <row r="1788" spans="1:3" ht="24">
      <c r="A1788" s="13">
        <v>1786</v>
      </c>
      <c r="B1788" s="10" t="s">
        <v>946</v>
      </c>
      <c r="C1788" s="12" t="s">
        <v>545</v>
      </c>
    </row>
    <row r="1789" spans="1:3" ht="24">
      <c r="A1789" s="10">
        <v>1787</v>
      </c>
      <c r="B1789" s="10" t="s">
        <v>946</v>
      </c>
      <c r="C1789" s="12" t="s">
        <v>545</v>
      </c>
    </row>
    <row r="1790" spans="1:3" ht="24">
      <c r="A1790" s="13">
        <v>1788</v>
      </c>
      <c r="B1790" s="10" t="s">
        <v>946</v>
      </c>
      <c r="C1790" s="12" t="s">
        <v>545</v>
      </c>
    </row>
    <row r="1791" spans="1:3" ht="24">
      <c r="A1791" s="13">
        <v>1789</v>
      </c>
      <c r="B1791" s="10" t="s">
        <v>946</v>
      </c>
      <c r="C1791" s="12" t="s">
        <v>545</v>
      </c>
    </row>
    <row r="1792" spans="1:3" ht="24">
      <c r="A1792" s="13">
        <v>1790</v>
      </c>
      <c r="B1792" s="10" t="s">
        <v>946</v>
      </c>
      <c r="C1792" s="12" t="s">
        <v>545</v>
      </c>
    </row>
    <row r="1793" spans="1:3" ht="24">
      <c r="A1793" s="10">
        <v>1791</v>
      </c>
      <c r="B1793" s="10" t="s">
        <v>946</v>
      </c>
      <c r="C1793" s="12" t="s">
        <v>545</v>
      </c>
    </row>
    <row r="1794" spans="1:3" ht="24">
      <c r="A1794" s="13">
        <v>1792</v>
      </c>
      <c r="B1794" s="10" t="s">
        <v>946</v>
      </c>
      <c r="C1794" s="12" t="s">
        <v>545</v>
      </c>
    </row>
    <row r="1795" spans="1:3" ht="24">
      <c r="A1795" s="13">
        <v>1793</v>
      </c>
      <c r="B1795" s="10" t="s">
        <v>946</v>
      </c>
      <c r="C1795" s="12" t="s">
        <v>545</v>
      </c>
    </row>
    <row r="1796" spans="1:3" ht="24">
      <c r="A1796" s="13">
        <v>1794</v>
      </c>
      <c r="B1796" s="10" t="s">
        <v>946</v>
      </c>
      <c r="C1796" s="12" t="s">
        <v>545</v>
      </c>
    </row>
    <row r="1797" spans="1:3" ht="24">
      <c r="A1797" s="10">
        <v>1795</v>
      </c>
      <c r="B1797" s="10" t="s">
        <v>947</v>
      </c>
      <c r="C1797" s="12" t="s">
        <v>545</v>
      </c>
    </row>
    <row r="1798" spans="1:3" ht="24">
      <c r="A1798" s="13">
        <v>1796</v>
      </c>
      <c r="B1798" s="10" t="s">
        <v>947</v>
      </c>
      <c r="C1798" s="12" t="s">
        <v>545</v>
      </c>
    </row>
    <row r="1799" spans="1:3" ht="24">
      <c r="A1799" s="13">
        <v>1797</v>
      </c>
      <c r="B1799" s="10" t="s">
        <v>947</v>
      </c>
      <c r="C1799" s="12" t="s">
        <v>545</v>
      </c>
    </row>
    <row r="1800" spans="1:3" ht="24">
      <c r="A1800" s="13">
        <v>1798</v>
      </c>
      <c r="B1800" s="10" t="s">
        <v>947</v>
      </c>
      <c r="C1800" s="12" t="s">
        <v>545</v>
      </c>
    </row>
    <row r="1801" spans="1:3" ht="24">
      <c r="A1801" s="10">
        <v>1799</v>
      </c>
      <c r="B1801" s="10" t="s">
        <v>948</v>
      </c>
      <c r="C1801" s="12" t="s">
        <v>545</v>
      </c>
    </row>
    <row r="1802" spans="1:3" ht="24">
      <c r="A1802" s="13">
        <v>1800</v>
      </c>
      <c r="B1802" s="10" t="s">
        <v>948</v>
      </c>
      <c r="C1802" s="12" t="s">
        <v>545</v>
      </c>
    </row>
    <row r="1803" spans="1:3" ht="24">
      <c r="A1803" s="13">
        <v>1801</v>
      </c>
      <c r="B1803" s="10" t="s">
        <v>948</v>
      </c>
      <c r="C1803" s="12" t="s">
        <v>545</v>
      </c>
    </row>
    <row r="1804" spans="1:3" ht="24">
      <c r="A1804" s="13">
        <v>1802</v>
      </c>
      <c r="B1804" s="10" t="s">
        <v>948</v>
      </c>
      <c r="C1804" s="12" t="s">
        <v>545</v>
      </c>
    </row>
    <row r="1805" spans="1:3" ht="24">
      <c r="A1805" s="10">
        <v>1803</v>
      </c>
      <c r="B1805" s="10" t="s">
        <v>948</v>
      </c>
      <c r="C1805" s="12" t="s">
        <v>545</v>
      </c>
    </row>
    <row r="1806" spans="1:3" ht="24">
      <c r="A1806" s="13">
        <v>1804</v>
      </c>
      <c r="B1806" s="10" t="s">
        <v>948</v>
      </c>
      <c r="C1806" s="12" t="s">
        <v>545</v>
      </c>
    </row>
    <row r="1807" spans="1:3" ht="24">
      <c r="A1807" s="13">
        <v>1805</v>
      </c>
      <c r="B1807" s="10" t="s">
        <v>948</v>
      </c>
      <c r="C1807" s="12" t="s">
        <v>545</v>
      </c>
    </row>
    <row r="1808" spans="1:3" ht="24">
      <c r="A1808" s="13">
        <v>1806</v>
      </c>
      <c r="B1808" s="10" t="s">
        <v>948</v>
      </c>
      <c r="C1808" s="12" t="s">
        <v>545</v>
      </c>
    </row>
    <row r="1809" spans="1:3" ht="24">
      <c r="A1809" s="10">
        <v>1807</v>
      </c>
      <c r="B1809" s="10" t="s">
        <v>948</v>
      </c>
      <c r="C1809" s="12" t="s">
        <v>545</v>
      </c>
    </row>
    <row r="1810" spans="1:3" ht="24">
      <c r="A1810" s="13">
        <v>1808</v>
      </c>
      <c r="B1810" s="10" t="s">
        <v>948</v>
      </c>
      <c r="C1810" s="12" t="s">
        <v>545</v>
      </c>
    </row>
    <row r="1811" spans="1:3" ht="24">
      <c r="A1811" s="13">
        <v>1809</v>
      </c>
      <c r="B1811" s="10" t="s">
        <v>948</v>
      </c>
      <c r="C1811" s="12" t="s">
        <v>545</v>
      </c>
    </row>
    <row r="1812" spans="1:3" ht="24">
      <c r="A1812" s="13">
        <v>1810</v>
      </c>
      <c r="B1812" s="10" t="s">
        <v>948</v>
      </c>
      <c r="C1812" s="12" t="s">
        <v>545</v>
      </c>
    </row>
    <row r="1813" spans="1:3" ht="24">
      <c r="A1813" s="10">
        <v>1811</v>
      </c>
      <c r="B1813" s="10" t="s">
        <v>948</v>
      </c>
      <c r="C1813" s="12" t="s">
        <v>545</v>
      </c>
    </row>
    <row r="1814" spans="1:3" ht="24">
      <c r="A1814" s="13">
        <v>1812</v>
      </c>
      <c r="B1814" s="10" t="s">
        <v>948</v>
      </c>
      <c r="C1814" s="12" t="s">
        <v>545</v>
      </c>
    </row>
    <row r="1815" spans="1:3" ht="24">
      <c r="A1815" s="13">
        <v>1813</v>
      </c>
      <c r="B1815" s="10" t="s">
        <v>948</v>
      </c>
      <c r="C1815" s="12" t="s">
        <v>545</v>
      </c>
    </row>
    <row r="1816" spans="1:3" ht="24">
      <c r="A1816" s="13">
        <v>1814</v>
      </c>
      <c r="B1816" s="10" t="s">
        <v>948</v>
      </c>
      <c r="C1816" s="12" t="s">
        <v>545</v>
      </c>
    </row>
    <row r="1817" spans="1:3" ht="24">
      <c r="A1817" s="10">
        <v>1815</v>
      </c>
      <c r="B1817" s="10" t="s">
        <v>949</v>
      </c>
      <c r="C1817" s="12" t="s">
        <v>545</v>
      </c>
    </row>
    <row r="1818" spans="1:3" ht="24">
      <c r="A1818" s="13">
        <v>1816</v>
      </c>
      <c r="B1818" s="10" t="s">
        <v>949</v>
      </c>
      <c r="C1818" s="12" t="s">
        <v>545</v>
      </c>
    </row>
    <row r="1819" spans="1:3" ht="24">
      <c r="A1819" s="13">
        <v>1817</v>
      </c>
      <c r="B1819" s="10" t="s">
        <v>950</v>
      </c>
      <c r="C1819" s="12" t="s">
        <v>545</v>
      </c>
    </row>
    <row r="1820" spans="1:3" ht="24">
      <c r="A1820" s="13">
        <v>1818</v>
      </c>
      <c r="B1820" s="10" t="s">
        <v>950</v>
      </c>
      <c r="C1820" s="12" t="s">
        <v>545</v>
      </c>
    </row>
    <row r="1821" spans="1:3" ht="24">
      <c r="A1821" s="10">
        <v>1819</v>
      </c>
      <c r="B1821" s="10" t="s">
        <v>950</v>
      </c>
      <c r="C1821" s="12" t="s">
        <v>545</v>
      </c>
    </row>
    <row r="1822" spans="1:3" ht="24">
      <c r="A1822" s="13">
        <v>1820</v>
      </c>
      <c r="B1822" s="10" t="s">
        <v>951</v>
      </c>
      <c r="C1822" s="12" t="s">
        <v>545</v>
      </c>
    </row>
    <row r="1823" spans="1:3" ht="24">
      <c r="A1823" s="13">
        <v>1821</v>
      </c>
      <c r="B1823" s="10" t="s">
        <v>951</v>
      </c>
      <c r="C1823" s="12" t="s">
        <v>545</v>
      </c>
    </row>
    <row r="1824" spans="1:3" ht="24">
      <c r="A1824" s="13">
        <v>1822</v>
      </c>
      <c r="B1824" s="10" t="s">
        <v>951</v>
      </c>
      <c r="C1824" s="12" t="s">
        <v>545</v>
      </c>
    </row>
    <row r="1825" spans="1:3" ht="24">
      <c r="A1825" s="10">
        <v>1823</v>
      </c>
      <c r="B1825" s="10" t="s">
        <v>951</v>
      </c>
      <c r="C1825" s="12" t="s">
        <v>545</v>
      </c>
    </row>
    <row r="1826" spans="1:3" ht="24">
      <c r="A1826" s="13">
        <v>1824</v>
      </c>
      <c r="B1826" s="10" t="s">
        <v>951</v>
      </c>
      <c r="C1826" s="12" t="s">
        <v>545</v>
      </c>
    </row>
    <row r="1827" spans="1:3" ht="24">
      <c r="A1827" s="13">
        <v>1825</v>
      </c>
      <c r="B1827" s="10" t="s">
        <v>951</v>
      </c>
      <c r="C1827" s="12" t="s">
        <v>545</v>
      </c>
    </row>
    <row r="1828" spans="1:3" ht="24">
      <c r="A1828" s="13">
        <v>1826</v>
      </c>
      <c r="B1828" s="10" t="s">
        <v>952</v>
      </c>
      <c r="C1828" s="12" t="s">
        <v>545</v>
      </c>
    </row>
    <row r="1829" spans="1:3" ht="24">
      <c r="A1829" s="10">
        <v>1827</v>
      </c>
      <c r="B1829" s="10" t="s">
        <v>952</v>
      </c>
      <c r="C1829" s="12" t="s">
        <v>545</v>
      </c>
    </row>
    <row r="1830" spans="1:3" ht="24">
      <c r="A1830" s="13">
        <v>1828</v>
      </c>
      <c r="B1830" s="10" t="s">
        <v>941</v>
      </c>
      <c r="C1830" s="12" t="s">
        <v>545</v>
      </c>
    </row>
    <row r="1831" spans="1:3" ht="24">
      <c r="A1831" s="13">
        <v>1829</v>
      </c>
      <c r="B1831" s="10" t="s">
        <v>953</v>
      </c>
      <c r="C1831" s="12" t="s">
        <v>545</v>
      </c>
    </row>
    <row r="1832" spans="1:3" ht="24">
      <c r="A1832" s="13">
        <v>1830</v>
      </c>
      <c r="B1832" s="10" t="s">
        <v>953</v>
      </c>
      <c r="C1832" s="12" t="s">
        <v>545</v>
      </c>
    </row>
    <row r="1833" spans="1:3" ht="24">
      <c r="A1833" s="10">
        <v>1831</v>
      </c>
      <c r="B1833" s="10" t="s">
        <v>953</v>
      </c>
      <c r="C1833" s="12" t="s">
        <v>545</v>
      </c>
    </row>
    <row r="1834" spans="1:3" ht="24">
      <c r="A1834" s="13">
        <v>1832</v>
      </c>
      <c r="B1834" s="10" t="s">
        <v>953</v>
      </c>
      <c r="C1834" s="12" t="s">
        <v>545</v>
      </c>
    </row>
    <row r="1835" spans="1:3" ht="24">
      <c r="A1835" s="13">
        <v>1833</v>
      </c>
      <c r="B1835" s="10" t="s">
        <v>953</v>
      </c>
      <c r="C1835" s="12" t="s">
        <v>545</v>
      </c>
    </row>
    <row r="1836" spans="1:3" ht="24">
      <c r="A1836" s="13">
        <v>1834</v>
      </c>
      <c r="B1836" s="10" t="s">
        <v>953</v>
      </c>
      <c r="C1836" s="12" t="s">
        <v>545</v>
      </c>
    </row>
    <row r="1837" spans="1:3" ht="24">
      <c r="A1837" s="10">
        <v>1835</v>
      </c>
      <c r="B1837" s="10" t="s">
        <v>953</v>
      </c>
      <c r="C1837" s="12" t="s">
        <v>545</v>
      </c>
    </row>
    <row r="1838" spans="1:3" ht="24">
      <c r="A1838" s="13">
        <v>1836</v>
      </c>
      <c r="B1838" s="10" t="s">
        <v>953</v>
      </c>
      <c r="C1838" s="12" t="s">
        <v>545</v>
      </c>
    </row>
    <row r="1839" spans="1:3" ht="24">
      <c r="A1839" s="13">
        <v>1837</v>
      </c>
      <c r="B1839" s="10" t="s">
        <v>953</v>
      </c>
      <c r="C1839" s="12" t="s">
        <v>545</v>
      </c>
    </row>
    <row r="1840" spans="1:3" ht="24">
      <c r="A1840" s="13">
        <v>1838</v>
      </c>
      <c r="B1840" s="10" t="s">
        <v>953</v>
      </c>
      <c r="C1840" s="12" t="s">
        <v>545</v>
      </c>
    </row>
    <row r="1841" spans="1:3" ht="24">
      <c r="A1841" s="10">
        <v>1839</v>
      </c>
      <c r="B1841" s="10" t="s">
        <v>953</v>
      </c>
      <c r="C1841" s="12" t="s">
        <v>545</v>
      </c>
    </row>
    <row r="1842" spans="1:3" ht="24">
      <c r="A1842" s="13">
        <v>1840</v>
      </c>
      <c r="B1842" s="10" t="s">
        <v>953</v>
      </c>
      <c r="C1842" s="12" t="s">
        <v>545</v>
      </c>
    </row>
    <row r="1843" spans="1:3" ht="24">
      <c r="A1843" s="13">
        <v>1841</v>
      </c>
      <c r="B1843" s="10" t="s">
        <v>953</v>
      </c>
      <c r="C1843" s="12" t="s">
        <v>545</v>
      </c>
    </row>
    <row r="1844" spans="1:3" ht="24">
      <c r="A1844" s="13">
        <v>1842</v>
      </c>
      <c r="B1844" s="10" t="s">
        <v>953</v>
      </c>
      <c r="C1844" s="12" t="s">
        <v>545</v>
      </c>
    </row>
    <row r="1845" spans="1:3" ht="24">
      <c r="A1845" s="10">
        <v>1843</v>
      </c>
      <c r="B1845" s="10" t="s">
        <v>953</v>
      </c>
      <c r="C1845" s="12" t="s">
        <v>545</v>
      </c>
    </row>
    <row r="1846" spans="1:3" ht="24">
      <c r="A1846" s="13">
        <v>1844</v>
      </c>
      <c r="B1846" s="10" t="s">
        <v>953</v>
      </c>
      <c r="C1846" s="12" t="s">
        <v>545</v>
      </c>
    </row>
    <row r="1847" spans="1:3" ht="24">
      <c r="A1847" s="13">
        <v>1845</v>
      </c>
      <c r="B1847" s="10" t="s">
        <v>953</v>
      </c>
      <c r="C1847" s="12" t="s">
        <v>545</v>
      </c>
    </row>
    <row r="1848" spans="1:3" ht="24">
      <c r="A1848" s="13">
        <v>1846</v>
      </c>
      <c r="B1848" s="10" t="s">
        <v>953</v>
      </c>
      <c r="C1848" s="12" t="s">
        <v>545</v>
      </c>
    </row>
    <row r="1849" spans="1:3" ht="24">
      <c r="A1849" s="10">
        <v>1847</v>
      </c>
      <c r="B1849" s="10" t="s">
        <v>953</v>
      </c>
      <c r="C1849" s="12" t="s">
        <v>545</v>
      </c>
    </row>
    <row r="1850" spans="1:3" ht="24">
      <c r="A1850" s="13">
        <v>1848</v>
      </c>
      <c r="B1850" s="10" t="s">
        <v>953</v>
      </c>
      <c r="C1850" s="12" t="s">
        <v>545</v>
      </c>
    </row>
    <row r="1851" spans="1:3" ht="24">
      <c r="A1851" s="13">
        <v>1849</v>
      </c>
      <c r="B1851" s="10" t="s">
        <v>954</v>
      </c>
      <c r="C1851" s="12" t="s">
        <v>545</v>
      </c>
    </row>
    <row r="1852" spans="1:3" ht="24">
      <c r="A1852" s="13">
        <v>1850</v>
      </c>
      <c r="B1852" s="10" t="s">
        <v>955</v>
      </c>
      <c r="C1852" s="12" t="s">
        <v>545</v>
      </c>
    </row>
    <row r="1853" spans="1:3" ht="24">
      <c r="A1853" s="10">
        <v>1851</v>
      </c>
      <c r="B1853" s="10" t="s">
        <v>955</v>
      </c>
      <c r="C1853" s="12" t="s">
        <v>545</v>
      </c>
    </row>
    <row r="1854" spans="1:3" ht="24">
      <c r="A1854" s="13">
        <v>1852</v>
      </c>
      <c r="B1854" s="10" t="s">
        <v>955</v>
      </c>
      <c r="C1854" s="12" t="s">
        <v>545</v>
      </c>
    </row>
    <row r="1855" spans="1:3" ht="24">
      <c r="A1855" s="13">
        <v>1853</v>
      </c>
      <c r="B1855" s="10" t="s">
        <v>955</v>
      </c>
      <c r="C1855" s="12" t="s">
        <v>545</v>
      </c>
    </row>
    <row r="1856" spans="1:3" ht="24">
      <c r="A1856" s="13">
        <v>1854</v>
      </c>
      <c r="B1856" s="10" t="s">
        <v>955</v>
      </c>
      <c r="C1856" s="12" t="s">
        <v>545</v>
      </c>
    </row>
    <row r="1857" spans="1:3" ht="24">
      <c r="A1857" s="10">
        <v>1855</v>
      </c>
      <c r="B1857" s="10" t="s">
        <v>331</v>
      </c>
      <c r="C1857" s="12" t="s">
        <v>545</v>
      </c>
    </row>
    <row r="1858" spans="1:3" ht="24">
      <c r="A1858" s="13">
        <v>1856</v>
      </c>
      <c r="B1858" s="10" t="s">
        <v>331</v>
      </c>
      <c r="C1858" s="12" t="s">
        <v>545</v>
      </c>
    </row>
    <row r="1859" spans="1:3" ht="24">
      <c r="A1859" s="13">
        <v>1857</v>
      </c>
      <c r="B1859" s="10" t="s">
        <v>956</v>
      </c>
      <c r="C1859" s="12" t="s">
        <v>545</v>
      </c>
    </row>
    <row r="1860" spans="1:3" ht="24">
      <c r="A1860" s="13">
        <v>1858</v>
      </c>
      <c r="B1860" s="10" t="s">
        <v>957</v>
      </c>
      <c r="C1860" s="12" t="s">
        <v>545</v>
      </c>
    </row>
    <row r="1861" spans="1:3" ht="24">
      <c r="A1861" s="10">
        <v>1859</v>
      </c>
      <c r="B1861" s="10" t="s">
        <v>957</v>
      </c>
      <c r="C1861" s="12" t="s">
        <v>545</v>
      </c>
    </row>
    <row r="1862" spans="1:3" ht="24">
      <c r="A1862" s="13">
        <v>1860</v>
      </c>
      <c r="B1862" s="10" t="s">
        <v>957</v>
      </c>
      <c r="C1862" s="12" t="s">
        <v>545</v>
      </c>
    </row>
    <row r="1863" spans="1:3" ht="24">
      <c r="A1863" s="13">
        <v>1861</v>
      </c>
      <c r="B1863" s="10" t="s">
        <v>957</v>
      </c>
      <c r="C1863" s="12" t="s">
        <v>545</v>
      </c>
    </row>
    <row r="1864" spans="1:3" ht="24">
      <c r="A1864" s="13">
        <v>1862</v>
      </c>
      <c r="B1864" s="10" t="s">
        <v>957</v>
      </c>
      <c r="C1864" s="12" t="s">
        <v>545</v>
      </c>
    </row>
    <row r="1865" spans="1:3" ht="24">
      <c r="A1865" s="10">
        <v>1863</v>
      </c>
      <c r="B1865" s="10" t="s">
        <v>957</v>
      </c>
      <c r="C1865" s="12" t="s">
        <v>545</v>
      </c>
    </row>
    <row r="1866" spans="1:3" ht="24">
      <c r="A1866" s="13">
        <v>1864</v>
      </c>
      <c r="B1866" s="10" t="s">
        <v>957</v>
      </c>
      <c r="C1866" s="12" t="s">
        <v>545</v>
      </c>
    </row>
    <row r="1867" spans="1:3" ht="24">
      <c r="A1867" s="13">
        <v>1865</v>
      </c>
      <c r="B1867" s="10" t="s">
        <v>957</v>
      </c>
      <c r="C1867" s="12" t="s">
        <v>545</v>
      </c>
    </row>
    <row r="1868" spans="1:3" ht="24">
      <c r="A1868" s="13">
        <v>1866</v>
      </c>
      <c r="B1868" s="10" t="s">
        <v>957</v>
      </c>
      <c r="C1868" s="12" t="s">
        <v>545</v>
      </c>
    </row>
    <row r="1869" spans="1:3" ht="24">
      <c r="A1869" s="10">
        <v>1867</v>
      </c>
      <c r="B1869" s="10" t="s">
        <v>957</v>
      </c>
      <c r="C1869" s="12" t="s">
        <v>545</v>
      </c>
    </row>
    <row r="1870" spans="1:3" ht="24">
      <c r="A1870" s="13">
        <v>1868</v>
      </c>
      <c r="B1870" s="10" t="s">
        <v>957</v>
      </c>
      <c r="C1870" s="12" t="s">
        <v>545</v>
      </c>
    </row>
    <row r="1871" spans="1:3" ht="24">
      <c r="A1871" s="13">
        <v>1869</v>
      </c>
      <c r="B1871" s="10" t="s">
        <v>957</v>
      </c>
      <c r="C1871" s="12" t="s">
        <v>545</v>
      </c>
    </row>
    <row r="1872" spans="1:3" ht="24">
      <c r="A1872" s="13">
        <v>1870</v>
      </c>
      <c r="B1872" s="10" t="s">
        <v>958</v>
      </c>
      <c r="C1872" s="12" t="s">
        <v>545</v>
      </c>
    </row>
    <row r="1873" spans="1:3" ht="24">
      <c r="A1873" s="10">
        <v>1871</v>
      </c>
      <c r="B1873" s="10" t="s">
        <v>959</v>
      </c>
      <c r="C1873" s="12" t="s">
        <v>545</v>
      </c>
    </row>
    <row r="1874" spans="1:3" ht="24">
      <c r="A1874" s="13">
        <v>1872</v>
      </c>
      <c r="B1874" s="10" t="s">
        <v>960</v>
      </c>
      <c r="C1874" s="12" t="s">
        <v>545</v>
      </c>
    </row>
    <row r="1875" spans="1:3" ht="24">
      <c r="A1875" s="13">
        <v>1873</v>
      </c>
      <c r="B1875" s="10" t="s">
        <v>961</v>
      </c>
      <c r="C1875" s="12" t="s">
        <v>545</v>
      </c>
    </row>
    <row r="1876" spans="1:3" ht="24">
      <c r="A1876" s="13">
        <v>1874</v>
      </c>
      <c r="B1876" s="10" t="s">
        <v>961</v>
      </c>
      <c r="C1876" s="12" t="s">
        <v>545</v>
      </c>
    </row>
    <row r="1877" spans="1:3" ht="24">
      <c r="A1877" s="10">
        <v>1875</v>
      </c>
      <c r="B1877" s="10" t="s">
        <v>961</v>
      </c>
      <c r="C1877" s="12" t="s">
        <v>545</v>
      </c>
    </row>
    <row r="1878" spans="1:3" ht="24">
      <c r="A1878" s="13">
        <v>1876</v>
      </c>
      <c r="B1878" s="10" t="s">
        <v>961</v>
      </c>
      <c r="C1878" s="12" t="s">
        <v>545</v>
      </c>
    </row>
    <row r="1879" spans="1:3" ht="24">
      <c r="A1879" s="13">
        <v>1877</v>
      </c>
      <c r="B1879" s="10" t="s">
        <v>961</v>
      </c>
      <c r="C1879" s="12" t="s">
        <v>545</v>
      </c>
    </row>
    <row r="1880" spans="1:3" ht="24">
      <c r="A1880" s="13">
        <v>1878</v>
      </c>
      <c r="B1880" s="10" t="s">
        <v>961</v>
      </c>
      <c r="C1880" s="12" t="s">
        <v>545</v>
      </c>
    </row>
    <row r="1881" spans="1:3" ht="24">
      <c r="A1881" s="10">
        <v>1879</v>
      </c>
      <c r="B1881" s="10" t="s">
        <v>962</v>
      </c>
      <c r="C1881" s="12" t="s">
        <v>545</v>
      </c>
    </row>
    <row r="1882" spans="1:3" ht="24">
      <c r="A1882" s="13">
        <v>1880</v>
      </c>
      <c r="B1882" s="10" t="s">
        <v>962</v>
      </c>
      <c r="C1882" s="12" t="s">
        <v>545</v>
      </c>
    </row>
    <row r="1883" spans="1:3" ht="24">
      <c r="A1883" s="13">
        <v>1881</v>
      </c>
      <c r="B1883" s="10" t="s">
        <v>962</v>
      </c>
      <c r="C1883" s="12" t="s">
        <v>545</v>
      </c>
    </row>
    <row r="1884" spans="1:3" ht="24">
      <c r="A1884" s="13">
        <v>1882</v>
      </c>
      <c r="B1884" s="10" t="s">
        <v>962</v>
      </c>
      <c r="C1884" s="12" t="s">
        <v>545</v>
      </c>
    </row>
    <row r="1885" spans="1:3" ht="24">
      <c r="A1885" s="10">
        <v>1883</v>
      </c>
      <c r="B1885" s="10" t="s">
        <v>962</v>
      </c>
      <c r="C1885" s="12" t="s">
        <v>545</v>
      </c>
    </row>
    <row r="1886" spans="1:3" ht="24">
      <c r="A1886" s="13">
        <v>1884</v>
      </c>
      <c r="B1886" s="10" t="s">
        <v>962</v>
      </c>
      <c r="C1886" s="12" t="s">
        <v>545</v>
      </c>
    </row>
    <row r="1887" spans="1:3" ht="24">
      <c r="A1887" s="13">
        <v>1885</v>
      </c>
      <c r="B1887" s="10" t="s">
        <v>962</v>
      </c>
      <c r="C1887" s="12" t="s">
        <v>545</v>
      </c>
    </row>
    <row r="1888" spans="1:3" ht="24">
      <c r="A1888" s="13">
        <v>1886</v>
      </c>
      <c r="B1888" s="10" t="s">
        <v>962</v>
      </c>
      <c r="C1888" s="12" t="s">
        <v>545</v>
      </c>
    </row>
    <row r="1889" spans="1:3" ht="24">
      <c r="A1889" s="10">
        <v>1887</v>
      </c>
      <c r="B1889" s="10" t="s">
        <v>962</v>
      </c>
      <c r="C1889" s="12" t="s">
        <v>545</v>
      </c>
    </row>
    <row r="1890" spans="1:3" ht="24">
      <c r="A1890" s="13">
        <v>1888</v>
      </c>
      <c r="B1890" s="10" t="s">
        <v>962</v>
      </c>
      <c r="C1890" s="12" t="s">
        <v>545</v>
      </c>
    </row>
    <row r="1891" spans="1:3" ht="24">
      <c r="A1891" s="13">
        <v>1889</v>
      </c>
      <c r="B1891" s="10" t="s">
        <v>962</v>
      </c>
      <c r="C1891" s="12" t="s">
        <v>545</v>
      </c>
    </row>
    <row r="1892" spans="1:3" ht="24">
      <c r="A1892" s="13">
        <v>1890</v>
      </c>
      <c r="B1892" s="10" t="s">
        <v>962</v>
      </c>
      <c r="C1892" s="12" t="s">
        <v>545</v>
      </c>
    </row>
    <row r="1893" spans="1:3" ht="24">
      <c r="A1893" s="10">
        <v>1891</v>
      </c>
      <c r="B1893" s="10" t="s">
        <v>963</v>
      </c>
      <c r="C1893" s="12" t="s">
        <v>545</v>
      </c>
    </row>
    <row r="1894" spans="1:3" ht="24">
      <c r="A1894" s="13">
        <v>1892</v>
      </c>
      <c r="B1894" s="10" t="s">
        <v>963</v>
      </c>
      <c r="C1894" s="12" t="s">
        <v>545</v>
      </c>
    </row>
    <row r="1895" spans="1:3" ht="24">
      <c r="A1895" s="13">
        <v>1893</v>
      </c>
      <c r="B1895" s="10" t="s">
        <v>963</v>
      </c>
      <c r="C1895" s="12" t="s">
        <v>545</v>
      </c>
    </row>
    <row r="1896" spans="1:3" ht="24">
      <c r="A1896" s="13">
        <v>1894</v>
      </c>
      <c r="B1896" s="10" t="s">
        <v>963</v>
      </c>
      <c r="C1896" s="12" t="s">
        <v>545</v>
      </c>
    </row>
    <row r="1897" spans="1:3" ht="24">
      <c r="A1897" s="10">
        <v>1895</v>
      </c>
      <c r="B1897" s="10" t="s">
        <v>964</v>
      </c>
      <c r="C1897" s="12" t="s">
        <v>545</v>
      </c>
    </row>
    <row r="1898" spans="1:3" ht="24">
      <c r="A1898" s="13">
        <v>1896</v>
      </c>
      <c r="B1898" s="10" t="s">
        <v>965</v>
      </c>
      <c r="C1898" s="12" t="s">
        <v>545</v>
      </c>
    </row>
    <row r="1899" spans="1:3" ht="24">
      <c r="A1899" s="13">
        <v>1897</v>
      </c>
      <c r="B1899" s="10" t="s">
        <v>965</v>
      </c>
      <c r="C1899" s="12" t="s">
        <v>545</v>
      </c>
    </row>
    <row r="1900" spans="1:3" ht="24">
      <c r="A1900" s="13">
        <v>1898</v>
      </c>
      <c r="B1900" s="10" t="s">
        <v>966</v>
      </c>
      <c r="C1900" s="12" t="s">
        <v>545</v>
      </c>
    </row>
    <row r="1901" spans="1:3" ht="24">
      <c r="A1901" s="10">
        <v>1899</v>
      </c>
      <c r="B1901" s="10" t="s">
        <v>966</v>
      </c>
      <c r="C1901" s="12" t="s">
        <v>545</v>
      </c>
    </row>
    <row r="1902" spans="1:3" ht="24">
      <c r="A1902" s="13">
        <v>1900</v>
      </c>
      <c r="B1902" s="10" t="s">
        <v>966</v>
      </c>
      <c r="C1902" s="12" t="s">
        <v>545</v>
      </c>
    </row>
    <row r="1903" spans="1:3" ht="24">
      <c r="A1903" s="13">
        <v>1901</v>
      </c>
      <c r="B1903" s="10" t="s">
        <v>967</v>
      </c>
      <c r="C1903" s="12" t="s">
        <v>545</v>
      </c>
    </row>
    <row r="1904" spans="1:3" ht="24">
      <c r="A1904" s="13">
        <v>1902</v>
      </c>
      <c r="B1904" s="10" t="s">
        <v>968</v>
      </c>
      <c r="C1904" s="12" t="s">
        <v>545</v>
      </c>
    </row>
    <row r="1905" spans="1:3" ht="24">
      <c r="A1905" s="10">
        <v>1903</v>
      </c>
      <c r="B1905" s="10" t="s">
        <v>969</v>
      </c>
      <c r="C1905" s="12" t="s">
        <v>545</v>
      </c>
    </row>
    <row r="1906" spans="1:3" ht="24">
      <c r="A1906" s="13">
        <v>1904</v>
      </c>
      <c r="B1906" s="10" t="s">
        <v>970</v>
      </c>
      <c r="C1906" s="12" t="s">
        <v>545</v>
      </c>
    </row>
    <row r="1907" spans="1:3" ht="24">
      <c r="A1907" s="13">
        <v>1905</v>
      </c>
      <c r="B1907" s="10" t="s">
        <v>971</v>
      </c>
      <c r="C1907" s="12" t="s">
        <v>545</v>
      </c>
    </row>
    <row r="1908" spans="1:3" ht="24">
      <c r="A1908" s="13">
        <v>1906</v>
      </c>
      <c r="B1908" s="10" t="s">
        <v>972</v>
      </c>
      <c r="C1908" s="12" t="s">
        <v>545</v>
      </c>
    </row>
    <row r="1909" spans="1:3" ht="24">
      <c r="A1909" s="10">
        <v>1907</v>
      </c>
      <c r="B1909" s="10" t="s">
        <v>973</v>
      </c>
      <c r="C1909" s="12" t="s">
        <v>545</v>
      </c>
    </row>
    <row r="1910" spans="1:3" ht="24">
      <c r="A1910" s="13">
        <v>1908</v>
      </c>
      <c r="B1910" s="10" t="s">
        <v>973</v>
      </c>
      <c r="C1910" s="12" t="s">
        <v>545</v>
      </c>
    </row>
    <row r="1911" spans="1:3" ht="24">
      <c r="A1911" s="13">
        <v>1909</v>
      </c>
      <c r="B1911" s="10" t="s">
        <v>973</v>
      </c>
      <c r="C1911" s="12" t="s">
        <v>545</v>
      </c>
    </row>
    <row r="1912" spans="1:3" ht="24">
      <c r="A1912" s="13">
        <v>1910</v>
      </c>
      <c r="B1912" s="10" t="s">
        <v>973</v>
      </c>
      <c r="C1912" s="12" t="s">
        <v>545</v>
      </c>
    </row>
    <row r="1913" spans="1:3" ht="24">
      <c r="A1913" s="10">
        <v>1911</v>
      </c>
      <c r="B1913" s="10" t="s">
        <v>330</v>
      </c>
      <c r="C1913" s="12" t="s">
        <v>545</v>
      </c>
    </row>
    <row r="1914" spans="1:3" ht="24">
      <c r="A1914" s="13">
        <v>1912</v>
      </c>
      <c r="B1914" s="10" t="s">
        <v>330</v>
      </c>
      <c r="C1914" s="12" t="s">
        <v>545</v>
      </c>
    </row>
    <row r="1915" spans="1:3" ht="24">
      <c r="A1915" s="13">
        <v>1913</v>
      </c>
      <c r="B1915" s="10" t="s">
        <v>472</v>
      </c>
      <c r="C1915" s="12" t="s">
        <v>545</v>
      </c>
    </row>
    <row r="1916" spans="1:3" ht="24">
      <c r="A1916" s="13">
        <v>1914</v>
      </c>
      <c r="B1916" s="10" t="s">
        <v>330</v>
      </c>
      <c r="C1916" s="12" t="s">
        <v>545</v>
      </c>
    </row>
    <row r="1917" spans="1:3" ht="24">
      <c r="A1917" s="10">
        <v>1915</v>
      </c>
      <c r="B1917" s="10" t="s">
        <v>330</v>
      </c>
      <c r="C1917" s="12" t="s">
        <v>545</v>
      </c>
    </row>
    <row r="1918" spans="1:3" ht="24">
      <c r="A1918" s="13">
        <v>1916</v>
      </c>
      <c r="B1918" s="10" t="s">
        <v>330</v>
      </c>
      <c r="C1918" s="12" t="s">
        <v>545</v>
      </c>
    </row>
    <row r="1919" spans="1:3" ht="24">
      <c r="A1919" s="13">
        <v>1917</v>
      </c>
      <c r="B1919" s="10" t="s">
        <v>330</v>
      </c>
      <c r="C1919" s="12" t="s">
        <v>545</v>
      </c>
    </row>
    <row r="1920" spans="1:3" ht="24">
      <c r="A1920" s="13">
        <v>1918</v>
      </c>
      <c r="B1920" s="10" t="s">
        <v>330</v>
      </c>
      <c r="C1920" s="12" t="s">
        <v>545</v>
      </c>
    </row>
    <row r="1921" spans="1:3" ht="24">
      <c r="A1921" s="10">
        <v>1919</v>
      </c>
      <c r="B1921" s="10" t="s">
        <v>330</v>
      </c>
      <c r="C1921" s="12" t="s">
        <v>545</v>
      </c>
    </row>
    <row r="1922" spans="1:3" ht="24">
      <c r="A1922" s="13">
        <v>1920</v>
      </c>
      <c r="B1922" s="10" t="s">
        <v>941</v>
      </c>
      <c r="C1922" s="12" t="s">
        <v>545</v>
      </c>
    </row>
    <row r="1923" spans="1:3" ht="24">
      <c r="A1923" s="13">
        <v>1921</v>
      </c>
      <c r="B1923" s="10" t="s">
        <v>974</v>
      </c>
      <c r="C1923" s="12" t="s">
        <v>545</v>
      </c>
    </row>
    <row r="1924" spans="1:3" ht="24">
      <c r="A1924" s="13">
        <v>1922</v>
      </c>
      <c r="B1924" s="10" t="s">
        <v>975</v>
      </c>
      <c r="C1924" s="12" t="s">
        <v>545</v>
      </c>
    </row>
    <row r="1925" spans="1:3" ht="24">
      <c r="A1925" s="10">
        <v>1923</v>
      </c>
      <c r="B1925" s="10" t="s">
        <v>976</v>
      </c>
      <c r="C1925" s="12" t="s">
        <v>545</v>
      </c>
    </row>
    <row r="1926" spans="1:3" ht="24">
      <c r="A1926" s="13">
        <v>1924</v>
      </c>
      <c r="B1926" s="10" t="s">
        <v>977</v>
      </c>
      <c r="C1926" s="12" t="s">
        <v>545</v>
      </c>
    </row>
    <row r="1927" spans="1:3" ht="24">
      <c r="A1927" s="13">
        <v>1925</v>
      </c>
      <c r="B1927" s="10" t="s">
        <v>978</v>
      </c>
      <c r="C1927" s="12" t="s">
        <v>545</v>
      </c>
    </row>
    <row r="1928" spans="1:3" ht="24">
      <c r="A1928" s="13">
        <v>1926</v>
      </c>
      <c r="B1928" s="10" t="s">
        <v>979</v>
      </c>
      <c r="C1928" s="12" t="s">
        <v>545</v>
      </c>
    </row>
    <row r="1929" spans="1:3" ht="24">
      <c r="A1929" s="10">
        <v>1927</v>
      </c>
      <c r="B1929" s="10" t="s">
        <v>980</v>
      </c>
      <c r="C1929" s="12" t="s">
        <v>545</v>
      </c>
    </row>
    <row r="1930" spans="1:3" ht="24">
      <c r="A1930" s="13">
        <v>1928</v>
      </c>
      <c r="B1930" s="10" t="s">
        <v>980</v>
      </c>
      <c r="C1930" s="12" t="s">
        <v>545</v>
      </c>
    </row>
    <row r="1931" spans="1:3" ht="31.5">
      <c r="A1931" s="13">
        <v>1929</v>
      </c>
      <c r="B1931" s="10" t="s">
        <v>981</v>
      </c>
      <c r="C1931" s="12" t="s">
        <v>545</v>
      </c>
    </row>
    <row r="1932" spans="1:3" ht="24">
      <c r="A1932" s="13">
        <v>1930</v>
      </c>
      <c r="B1932" s="10" t="s">
        <v>982</v>
      </c>
      <c r="C1932" s="12" t="s">
        <v>545</v>
      </c>
    </row>
    <row r="1933" spans="1:3" ht="24">
      <c r="A1933" s="10">
        <v>1931</v>
      </c>
      <c r="B1933" s="10" t="s">
        <v>982</v>
      </c>
      <c r="C1933" s="12" t="s">
        <v>545</v>
      </c>
    </row>
    <row r="1934" spans="1:3" ht="24">
      <c r="A1934" s="13">
        <v>1932</v>
      </c>
      <c r="B1934" s="10" t="s">
        <v>983</v>
      </c>
      <c r="C1934" s="12" t="s">
        <v>545</v>
      </c>
    </row>
    <row r="1935" spans="1:3" ht="24">
      <c r="A1935" s="13">
        <v>1933</v>
      </c>
      <c r="B1935" s="10" t="s">
        <v>984</v>
      </c>
      <c r="C1935" s="12" t="s">
        <v>545</v>
      </c>
    </row>
    <row r="1936" spans="1:3" ht="24">
      <c r="A1936" s="13">
        <v>1934</v>
      </c>
      <c r="B1936" s="10" t="s">
        <v>115</v>
      </c>
      <c r="C1936" s="12" t="s">
        <v>545</v>
      </c>
    </row>
    <row r="1937" spans="1:3" ht="24">
      <c r="A1937" s="10">
        <v>1935</v>
      </c>
      <c r="B1937" s="10" t="s">
        <v>939</v>
      </c>
      <c r="C1937" s="12" t="s">
        <v>545</v>
      </c>
    </row>
    <row r="1938" spans="1:3" ht="24">
      <c r="A1938" s="13">
        <v>1936</v>
      </c>
      <c r="B1938" s="10" t="s">
        <v>985</v>
      </c>
      <c r="C1938" s="12" t="s">
        <v>545</v>
      </c>
    </row>
    <row r="1939" spans="1:3" ht="24">
      <c r="A1939" s="13">
        <v>1937</v>
      </c>
      <c r="B1939" s="10" t="s">
        <v>986</v>
      </c>
      <c r="C1939" s="12" t="s">
        <v>545</v>
      </c>
    </row>
    <row r="1940" spans="1:3" ht="24">
      <c r="A1940" s="13">
        <v>1938</v>
      </c>
      <c r="B1940" s="10" t="s">
        <v>987</v>
      </c>
      <c r="C1940" s="12" t="s">
        <v>545</v>
      </c>
    </row>
    <row r="1941" spans="1:3" ht="24">
      <c r="A1941" s="10">
        <v>1939</v>
      </c>
      <c r="B1941" s="10" t="s">
        <v>988</v>
      </c>
      <c r="C1941" s="12" t="s">
        <v>545</v>
      </c>
    </row>
    <row r="1942" spans="1:3" ht="24">
      <c r="A1942" s="13">
        <v>1940</v>
      </c>
      <c r="B1942" s="10" t="s">
        <v>988</v>
      </c>
      <c r="C1942" s="12" t="s">
        <v>545</v>
      </c>
    </row>
    <row r="1943" spans="1:3" ht="24">
      <c r="A1943" s="13">
        <v>1941</v>
      </c>
      <c r="B1943" s="10" t="s">
        <v>989</v>
      </c>
      <c r="C1943" s="12" t="s">
        <v>545</v>
      </c>
    </row>
    <row r="1944" spans="1:3" ht="24">
      <c r="A1944" s="13">
        <v>1942</v>
      </c>
      <c r="B1944" s="10" t="s">
        <v>989</v>
      </c>
      <c r="C1944" s="12" t="s">
        <v>545</v>
      </c>
    </row>
    <row r="1945" spans="1:3" ht="24">
      <c r="A1945" s="10">
        <v>1943</v>
      </c>
      <c r="B1945" s="10" t="s">
        <v>989</v>
      </c>
      <c r="C1945" s="12" t="s">
        <v>545</v>
      </c>
    </row>
    <row r="1946" spans="1:3" ht="24">
      <c r="A1946" s="13">
        <v>1944</v>
      </c>
      <c r="B1946" s="10" t="s">
        <v>989</v>
      </c>
      <c r="C1946" s="12" t="s">
        <v>545</v>
      </c>
    </row>
    <row r="1947" spans="1:3" ht="24">
      <c r="A1947" s="13">
        <v>1945</v>
      </c>
      <c r="B1947" s="10" t="s">
        <v>989</v>
      </c>
      <c r="C1947" s="12" t="s">
        <v>545</v>
      </c>
    </row>
    <row r="1948" spans="1:3" ht="24">
      <c r="A1948" s="13">
        <v>1946</v>
      </c>
      <c r="B1948" s="10" t="s">
        <v>989</v>
      </c>
      <c r="C1948" s="12" t="s">
        <v>545</v>
      </c>
    </row>
    <row r="1949" spans="1:3" ht="24">
      <c r="A1949" s="10">
        <v>1947</v>
      </c>
      <c r="B1949" s="10" t="s">
        <v>989</v>
      </c>
      <c r="C1949" s="12" t="s">
        <v>545</v>
      </c>
    </row>
    <row r="1950" spans="1:3" ht="24">
      <c r="A1950" s="13">
        <v>1948</v>
      </c>
      <c r="B1950" s="10" t="s">
        <v>989</v>
      </c>
      <c r="C1950" s="12" t="s">
        <v>545</v>
      </c>
    </row>
    <row r="1951" spans="1:3" ht="24">
      <c r="A1951" s="13">
        <v>1949</v>
      </c>
      <c r="B1951" s="10" t="s">
        <v>990</v>
      </c>
      <c r="C1951" s="12" t="s">
        <v>545</v>
      </c>
    </row>
    <row r="1952" spans="1:3" ht="24">
      <c r="A1952" s="13">
        <v>1950</v>
      </c>
      <c r="B1952" s="10" t="s">
        <v>990</v>
      </c>
      <c r="C1952" s="12" t="s">
        <v>545</v>
      </c>
    </row>
    <row r="1953" spans="1:3" ht="24">
      <c r="A1953" s="10">
        <v>1951</v>
      </c>
      <c r="B1953" s="10" t="s">
        <v>990</v>
      </c>
      <c r="C1953" s="12" t="s">
        <v>545</v>
      </c>
    </row>
    <row r="1954" spans="1:3" ht="24">
      <c r="A1954" s="13">
        <v>1952</v>
      </c>
      <c r="B1954" s="10" t="s">
        <v>990</v>
      </c>
      <c r="C1954" s="12" t="s">
        <v>545</v>
      </c>
    </row>
    <row r="1955" spans="1:3" ht="24">
      <c r="A1955" s="13">
        <v>1953</v>
      </c>
      <c r="B1955" s="10" t="s">
        <v>990</v>
      </c>
      <c r="C1955" s="12" t="s">
        <v>545</v>
      </c>
    </row>
    <row r="1956" spans="1:3" ht="24">
      <c r="A1956" s="13">
        <v>1954</v>
      </c>
      <c r="B1956" s="10" t="s">
        <v>990</v>
      </c>
      <c r="C1956" s="12" t="s">
        <v>545</v>
      </c>
    </row>
    <row r="1957" spans="1:3" ht="24">
      <c r="A1957" s="10">
        <v>1955</v>
      </c>
      <c r="B1957" s="10" t="s">
        <v>990</v>
      </c>
      <c r="C1957" s="12" t="s">
        <v>545</v>
      </c>
    </row>
    <row r="1958" spans="1:3" ht="24">
      <c r="A1958" s="13">
        <v>1956</v>
      </c>
      <c r="B1958" s="10" t="s">
        <v>991</v>
      </c>
      <c r="C1958" s="12" t="s">
        <v>545</v>
      </c>
    </row>
    <row r="1959" spans="1:3" ht="24">
      <c r="A1959" s="13">
        <v>1957</v>
      </c>
      <c r="B1959" s="10" t="s">
        <v>992</v>
      </c>
      <c r="C1959" s="12" t="s">
        <v>545</v>
      </c>
    </row>
    <row r="1960" spans="1:3" ht="24">
      <c r="A1960" s="13">
        <v>1958</v>
      </c>
      <c r="B1960" s="10" t="s">
        <v>993</v>
      </c>
      <c r="C1960" s="12" t="s">
        <v>545</v>
      </c>
    </row>
    <row r="1961" spans="1:3" ht="24">
      <c r="A1961" s="10">
        <v>1959</v>
      </c>
      <c r="B1961" s="10" t="s">
        <v>993</v>
      </c>
      <c r="C1961" s="12" t="s">
        <v>545</v>
      </c>
    </row>
    <row r="1962" spans="1:3" ht="24">
      <c r="A1962" s="13">
        <v>1960</v>
      </c>
      <c r="B1962" s="10" t="s">
        <v>982</v>
      </c>
      <c r="C1962" s="12" t="s">
        <v>545</v>
      </c>
    </row>
    <row r="1963" spans="1:3" ht="24">
      <c r="A1963" s="13">
        <v>1961</v>
      </c>
      <c r="B1963" s="10" t="s">
        <v>994</v>
      </c>
      <c r="C1963" s="12" t="s">
        <v>545</v>
      </c>
    </row>
    <row r="1964" spans="1:3" ht="24">
      <c r="A1964" s="13">
        <v>1962</v>
      </c>
      <c r="B1964" s="10" t="s">
        <v>995</v>
      </c>
      <c r="C1964" s="12" t="s">
        <v>545</v>
      </c>
    </row>
    <row r="1965" spans="1:3" ht="24">
      <c r="A1965" s="10">
        <v>1963</v>
      </c>
      <c r="B1965" s="10" t="s">
        <v>996</v>
      </c>
      <c r="C1965" s="12" t="s">
        <v>545</v>
      </c>
    </row>
    <row r="1966" spans="1:3" ht="24">
      <c r="A1966" s="13">
        <v>1964</v>
      </c>
      <c r="B1966" s="10" t="s">
        <v>996</v>
      </c>
      <c r="C1966" s="12" t="s">
        <v>545</v>
      </c>
    </row>
    <row r="1967" spans="1:3" ht="24">
      <c r="A1967" s="13">
        <v>1965</v>
      </c>
      <c r="B1967" s="10" t="s">
        <v>997</v>
      </c>
      <c r="C1967" s="12" t="s">
        <v>545</v>
      </c>
    </row>
    <row r="1968" spans="1:3" ht="24">
      <c r="A1968" s="13">
        <v>1966</v>
      </c>
      <c r="B1968" s="10" t="s">
        <v>998</v>
      </c>
      <c r="C1968" s="12" t="s">
        <v>545</v>
      </c>
    </row>
    <row r="1969" spans="1:3" ht="24">
      <c r="A1969" s="10">
        <v>1967</v>
      </c>
      <c r="B1969" s="10" t="s">
        <v>999</v>
      </c>
      <c r="C1969" s="12" t="s">
        <v>545</v>
      </c>
    </row>
    <row r="1970" spans="1:3" ht="24">
      <c r="A1970" s="13">
        <v>1968</v>
      </c>
      <c r="B1970" s="10" t="s">
        <v>999</v>
      </c>
      <c r="C1970" s="12" t="s">
        <v>545</v>
      </c>
    </row>
    <row r="1971" spans="1:3" ht="24">
      <c r="A1971" s="13">
        <v>1969</v>
      </c>
      <c r="B1971" s="10" t="s">
        <v>1000</v>
      </c>
      <c r="C1971" s="12" t="s">
        <v>545</v>
      </c>
    </row>
    <row r="1972" spans="1:3" ht="24">
      <c r="A1972" s="13">
        <v>1970</v>
      </c>
      <c r="B1972" s="10" t="s">
        <v>1000</v>
      </c>
      <c r="C1972" s="12" t="s">
        <v>545</v>
      </c>
    </row>
    <row r="1973" spans="1:3" ht="24">
      <c r="A1973" s="10">
        <v>1971</v>
      </c>
      <c r="B1973" s="10" t="s">
        <v>1000</v>
      </c>
      <c r="C1973" s="12" t="s">
        <v>545</v>
      </c>
    </row>
    <row r="1974" spans="1:3" ht="24">
      <c r="A1974" s="13">
        <v>1972</v>
      </c>
      <c r="B1974" s="10" t="s">
        <v>1000</v>
      </c>
      <c r="C1974" s="12" t="s">
        <v>545</v>
      </c>
    </row>
    <row r="1975" spans="1:3" ht="24">
      <c r="A1975" s="13">
        <v>1973</v>
      </c>
      <c r="B1975" s="10" t="s">
        <v>1000</v>
      </c>
      <c r="C1975" s="12" t="s">
        <v>545</v>
      </c>
    </row>
    <row r="1976" spans="1:3" ht="24">
      <c r="A1976" s="13">
        <v>1974</v>
      </c>
      <c r="B1976" s="10" t="s">
        <v>1001</v>
      </c>
      <c r="C1976" s="12" t="s">
        <v>545</v>
      </c>
    </row>
    <row r="1977" spans="1:3" ht="24">
      <c r="A1977" s="10">
        <v>1975</v>
      </c>
      <c r="B1977" s="10" t="s">
        <v>1002</v>
      </c>
      <c r="C1977" s="12" t="s">
        <v>545</v>
      </c>
    </row>
    <row r="1978" spans="1:3" ht="24">
      <c r="A1978" s="13">
        <v>1976</v>
      </c>
      <c r="B1978" s="10" t="s">
        <v>1003</v>
      </c>
      <c r="C1978" s="12" t="s">
        <v>545</v>
      </c>
    </row>
    <row r="1979" spans="1:3" ht="24">
      <c r="A1979" s="13">
        <v>1977</v>
      </c>
      <c r="B1979" s="10" t="s">
        <v>1004</v>
      </c>
      <c r="C1979" s="12" t="s">
        <v>545</v>
      </c>
    </row>
    <row r="1980" spans="1:3" ht="24">
      <c r="A1980" s="13">
        <v>1978</v>
      </c>
      <c r="B1980" s="10" t="s">
        <v>1005</v>
      </c>
      <c r="C1980" s="12" t="s">
        <v>545</v>
      </c>
    </row>
    <row r="1981" spans="1:3" ht="24">
      <c r="A1981" s="10">
        <v>1979</v>
      </c>
      <c r="B1981" s="10" t="s">
        <v>1006</v>
      </c>
      <c r="C1981" s="12" t="s">
        <v>545</v>
      </c>
    </row>
    <row r="1982" spans="1:3" ht="24">
      <c r="A1982" s="13">
        <v>1980</v>
      </c>
      <c r="B1982" s="10" t="s">
        <v>1007</v>
      </c>
      <c r="C1982" s="12" t="s">
        <v>545</v>
      </c>
    </row>
    <row r="1983" spans="1:3" ht="31.5">
      <c r="A1983" s="13">
        <v>1981</v>
      </c>
      <c r="B1983" s="10" t="s">
        <v>1008</v>
      </c>
      <c r="C1983" s="12" t="s">
        <v>545</v>
      </c>
    </row>
    <row r="1984" spans="1:3" ht="24">
      <c r="A1984" s="13">
        <v>1982</v>
      </c>
      <c r="B1984" s="10" t="s">
        <v>1009</v>
      </c>
      <c r="C1984" s="12" t="s">
        <v>545</v>
      </c>
    </row>
    <row r="1985" spans="1:3" ht="24">
      <c r="A1985" s="10">
        <v>1983</v>
      </c>
      <c r="B1985" s="10" t="s">
        <v>1010</v>
      </c>
      <c r="C1985" s="12" t="s">
        <v>545</v>
      </c>
    </row>
    <row r="1986" spans="1:3" ht="24">
      <c r="A1986" s="13">
        <v>1984</v>
      </c>
      <c r="B1986" s="10" t="s">
        <v>90</v>
      </c>
      <c r="C1986" s="12" t="s">
        <v>545</v>
      </c>
    </row>
    <row r="1987" spans="1:3" ht="24">
      <c r="A1987" s="13">
        <v>1985</v>
      </c>
      <c r="B1987" s="10" t="s">
        <v>90</v>
      </c>
      <c r="C1987" s="12" t="s">
        <v>545</v>
      </c>
    </row>
    <row r="1988" spans="1:3" ht="24">
      <c r="A1988" s="13">
        <v>1986</v>
      </c>
      <c r="B1988" s="10" t="s">
        <v>90</v>
      </c>
      <c r="C1988" s="12" t="s">
        <v>545</v>
      </c>
    </row>
    <row r="1989" spans="1:3" ht="24">
      <c r="A1989" s="10">
        <v>1987</v>
      </c>
      <c r="B1989" s="10" t="s">
        <v>90</v>
      </c>
      <c r="C1989" s="12" t="s">
        <v>545</v>
      </c>
    </row>
    <row r="1990" spans="1:3" ht="24">
      <c r="A1990" s="13">
        <v>1988</v>
      </c>
      <c r="B1990" s="10" t="s">
        <v>1011</v>
      </c>
      <c r="C1990" s="12" t="s">
        <v>545</v>
      </c>
    </row>
    <row r="1991" spans="1:3" ht="24">
      <c r="A1991" s="13">
        <v>1989</v>
      </c>
      <c r="B1991" s="10" t="s">
        <v>1012</v>
      </c>
      <c r="C1991" s="12" t="s">
        <v>545</v>
      </c>
    </row>
    <row r="1992" spans="1:3" ht="24">
      <c r="A1992" s="13">
        <v>1990</v>
      </c>
      <c r="B1992" s="10" t="s">
        <v>1013</v>
      </c>
      <c r="C1992" s="12" t="s">
        <v>545</v>
      </c>
    </row>
    <row r="1993" spans="1:3" ht="24">
      <c r="A1993" s="10">
        <v>1991</v>
      </c>
      <c r="B1993" s="10" t="s">
        <v>1014</v>
      </c>
      <c r="C1993" s="12" t="s">
        <v>545</v>
      </c>
    </row>
    <row r="1994" spans="1:3" ht="24">
      <c r="A1994" s="13">
        <v>1992</v>
      </c>
      <c r="B1994" s="10" t="s">
        <v>1012</v>
      </c>
      <c r="C1994" s="12" t="s">
        <v>545</v>
      </c>
    </row>
    <row r="1995" spans="1:3" ht="24">
      <c r="A1995" s="13">
        <v>1993</v>
      </c>
      <c r="B1995" s="10" t="s">
        <v>1015</v>
      </c>
      <c r="C1995" s="12" t="s">
        <v>545</v>
      </c>
    </row>
    <row r="1996" spans="1:3" ht="24">
      <c r="A1996" s="13">
        <v>1994</v>
      </c>
      <c r="B1996" s="10" t="s">
        <v>1015</v>
      </c>
      <c r="C1996" s="12" t="s">
        <v>545</v>
      </c>
    </row>
    <row r="1997" spans="1:3" ht="24">
      <c r="A1997" s="10">
        <v>1995</v>
      </c>
      <c r="B1997" s="10" t="s">
        <v>1015</v>
      </c>
      <c r="C1997" s="12" t="s">
        <v>545</v>
      </c>
    </row>
    <row r="1998" spans="1:3" ht="24">
      <c r="A1998" s="13">
        <v>1996</v>
      </c>
      <c r="B1998" s="10" t="s">
        <v>1015</v>
      </c>
      <c r="C1998" s="12" t="s">
        <v>545</v>
      </c>
    </row>
    <row r="1999" spans="1:3" ht="24">
      <c r="A1999" s="13">
        <v>1997</v>
      </c>
      <c r="B1999" s="10" t="s">
        <v>1015</v>
      </c>
      <c r="C1999" s="12" t="s">
        <v>545</v>
      </c>
    </row>
    <row r="2000" spans="1:3" ht="24">
      <c r="A2000" s="13">
        <v>1998</v>
      </c>
      <c r="B2000" s="10" t="s">
        <v>1016</v>
      </c>
      <c r="C2000" s="12" t="s">
        <v>545</v>
      </c>
    </row>
    <row r="2001" spans="1:3" ht="24">
      <c r="A2001" s="10">
        <v>1999</v>
      </c>
      <c r="B2001" s="10" t="s">
        <v>1016</v>
      </c>
      <c r="C2001" s="12" t="s">
        <v>545</v>
      </c>
    </row>
    <row r="2002" spans="1:3" ht="24">
      <c r="A2002" s="13">
        <v>2000</v>
      </c>
      <c r="B2002" s="10" t="s">
        <v>1017</v>
      </c>
      <c r="C2002" s="12" t="s">
        <v>545</v>
      </c>
    </row>
    <row r="2003" spans="1:3" ht="24">
      <c r="A2003" s="13">
        <v>2001</v>
      </c>
      <c r="B2003" s="10" t="s">
        <v>1017</v>
      </c>
      <c r="C2003" s="12" t="s">
        <v>545</v>
      </c>
    </row>
    <row r="2004" spans="1:3" ht="24">
      <c r="A2004" s="13">
        <v>2002</v>
      </c>
      <c r="B2004" s="10" t="s">
        <v>1018</v>
      </c>
      <c r="C2004" s="12" t="s">
        <v>545</v>
      </c>
    </row>
    <row r="2005" spans="1:3" ht="24">
      <c r="A2005" s="10">
        <v>2003</v>
      </c>
      <c r="B2005" s="10" t="s">
        <v>1019</v>
      </c>
      <c r="C2005" s="12" t="s">
        <v>545</v>
      </c>
    </row>
    <row r="2006" spans="1:3" ht="24">
      <c r="A2006" s="13">
        <v>2004</v>
      </c>
      <c r="B2006" s="10" t="s">
        <v>1019</v>
      </c>
      <c r="C2006" s="12" t="s">
        <v>545</v>
      </c>
    </row>
    <row r="2007" spans="1:3" ht="24">
      <c r="A2007" s="13">
        <v>2005</v>
      </c>
      <c r="B2007" s="10" t="s">
        <v>1020</v>
      </c>
      <c r="C2007" s="12" t="s">
        <v>545</v>
      </c>
    </row>
    <row r="2008" spans="1:3" ht="24">
      <c r="A2008" s="13">
        <v>2006</v>
      </c>
      <c r="B2008" s="10" t="s">
        <v>1020</v>
      </c>
      <c r="C2008" s="12" t="s">
        <v>545</v>
      </c>
    </row>
    <row r="2009" spans="1:3" ht="24">
      <c r="A2009" s="10">
        <v>2007</v>
      </c>
      <c r="B2009" s="10" t="s">
        <v>1020</v>
      </c>
      <c r="C2009" s="12" t="s">
        <v>545</v>
      </c>
    </row>
    <row r="2010" spans="1:3" ht="24">
      <c r="A2010" s="13">
        <v>2008</v>
      </c>
      <c r="B2010" s="10" t="s">
        <v>1020</v>
      </c>
      <c r="C2010" s="12" t="s">
        <v>545</v>
      </c>
    </row>
    <row r="2011" spans="1:3" ht="24">
      <c r="A2011" s="13">
        <v>2009</v>
      </c>
      <c r="B2011" s="10" t="s">
        <v>1020</v>
      </c>
      <c r="C2011" s="12" t="s">
        <v>545</v>
      </c>
    </row>
    <row r="2012" spans="1:3" ht="24">
      <c r="A2012" s="13">
        <v>2010</v>
      </c>
      <c r="B2012" s="10" t="s">
        <v>1020</v>
      </c>
      <c r="C2012" s="12" t="s">
        <v>545</v>
      </c>
    </row>
    <row r="2013" spans="1:3" ht="24">
      <c r="A2013" s="10">
        <v>2011</v>
      </c>
      <c r="B2013" s="10" t="s">
        <v>1020</v>
      </c>
      <c r="C2013" s="12" t="s">
        <v>545</v>
      </c>
    </row>
    <row r="2014" spans="1:3" ht="24">
      <c r="A2014" s="13">
        <v>2012</v>
      </c>
      <c r="B2014" s="10" t="s">
        <v>1020</v>
      </c>
      <c r="C2014" s="12" t="s">
        <v>545</v>
      </c>
    </row>
    <row r="2015" spans="1:3" ht="24">
      <c r="A2015" s="13">
        <v>2013</v>
      </c>
      <c r="B2015" s="10" t="s">
        <v>1020</v>
      </c>
      <c r="C2015" s="12" t="s">
        <v>545</v>
      </c>
    </row>
    <row r="2016" spans="1:3" ht="24">
      <c r="A2016" s="13">
        <v>2014</v>
      </c>
      <c r="B2016" s="10" t="s">
        <v>1020</v>
      </c>
      <c r="C2016" s="12" t="s">
        <v>545</v>
      </c>
    </row>
    <row r="2017" spans="1:3" ht="24">
      <c r="A2017" s="10">
        <v>2015</v>
      </c>
      <c r="B2017" s="10" t="s">
        <v>1020</v>
      </c>
      <c r="C2017" s="12" t="s">
        <v>545</v>
      </c>
    </row>
    <row r="2018" spans="1:3" ht="24">
      <c r="A2018" s="13">
        <v>2016</v>
      </c>
      <c r="B2018" s="10" t="s">
        <v>1020</v>
      </c>
      <c r="C2018" s="12" t="s">
        <v>545</v>
      </c>
    </row>
    <row r="2019" spans="1:3" ht="24">
      <c r="A2019" s="13">
        <v>2017</v>
      </c>
      <c r="B2019" s="10" t="s">
        <v>1020</v>
      </c>
      <c r="C2019" s="12" t="s">
        <v>545</v>
      </c>
    </row>
    <row r="2020" spans="1:3" ht="24">
      <c r="A2020" s="13">
        <v>2018</v>
      </c>
      <c r="B2020" s="10" t="s">
        <v>1020</v>
      </c>
      <c r="C2020" s="12" t="s">
        <v>545</v>
      </c>
    </row>
    <row r="2021" spans="1:3" ht="24">
      <c r="A2021" s="10">
        <v>2019</v>
      </c>
      <c r="B2021" s="10" t="s">
        <v>1020</v>
      </c>
      <c r="C2021" s="12" t="s">
        <v>545</v>
      </c>
    </row>
    <row r="2022" spans="1:3" ht="24">
      <c r="A2022" s="13">
        <v>2020</v>
      </c>
      <c r="B2022" s="10" t="s">
        <v>1020</v>
      </c>
      <c r="C2022" s="12" t="s">
        <v>545</v>
      </c>
    </row>
    <row r="2023" spans="1:3" ht="24">
      <c r="A2023" s="13">
        <v>2021</v>
      </c>
      <c r="B2023" s="10" t="s">
        <v>1020</v>
      </c>
      <c r="C2023" s="12" t="s">
        <v>545</v>
      </c>
    </row>
    <row r="2024" spans="1:3" ht="24">
      <c r="A2024" s="13">
        <v>2022</v>
      </c>
      <c r="B2024" s="10" t="s">
        <v>1020</v>
      </c>
      <c r="C2024" s="12" t="s">
        <v>545</v>
      </c>
    </row>
    <row r="2025" spans="1:3" ht="24">
      <c r="A2025" s="10">
        <v>2023</v>
      </c>
      <c r="B2025" s="10" t="s">
        <v>1020</v>
      </c>
      <c r="C2025" s="12" t="s">
        <v>545</v>
      </c>
    </row>
    <row r="2026" spans="1:3" ht="24">
      <c r="A2026" s="13">
        <v>2024</v>
      </c>
      <c r="B2026" s="10" t="s">
        <v>1020</v>
      </c>
      <c r="C2026" s="12" t="s">
        <v>545</v>
      </c>
    </row>
    <row r="2027" spans="1:3" ht="24">
      <c r="A2027" s="13">
        <v>2025</v>
      </c>
      <c r="B2027" s="10" t="s">
        <v>1020</v>
      </c>
      <c r="C2027" s="12" t="s">
        <v>545</v>
      </c>
    </row>
    <row r="2028" spans="1:3" ht="24">
      <c r="A2028" s="13">
        <v>2026</v>
      </c>
      <c r="B2028" s="10" t="s">
        <v>1020</v>
      </c>
      <c r="C2028" s="12" t="s">
        <v>545</v>
      </c>
    </row>
    <row r="2029" spans="1:3" ht="24">
      <c r="A2029" s="10">
        <v>2027</v>
      </c>
      <c r="B2029" s="10" t="s">
        <v>1020</v>
      </c>
      <c r="C2029" s="12" t="s">
        <v>545</v>
      </c>
    </row>
    <row r="2030" spans="1:3" ht="24">
      <c r="A2030" s="13">
        <v>2028</v>
      </c>
      <c r="B2030" s="10" t="s">
        <v>1020</v>
      </c>
      <c r="C2030" s="12" t="s">
        <v>545</v>
      </c>
    </row>
    <row r="2031" spans="1:3" ht="24">
      <c r="A2031" s="13">
        <v>2029</v>
      </c>
      <c r="B2031" s="10" t="s">
        <v>1020</v>
      </c>
      <c r="C2031" s="12" t="s">
        <v>545</v>
      </c>
    </row>
    <row r="2032" spans="1:3" ht="24">
      <c r="A2032" s="13">
        <v>2030</v>
      </c>
      <c r="B2032" s="10" t="s">
        <v>1020</v>
      </c>
      <c r="C2032" s="12" t="s">
        <v>545</v>
      </c>
    </row>
    <row r="2033" spans="1:3" ht="24">
      <c r="A2033" s="10">
        <v>2031</v>
      </c>
      <c r="B2033" s="10" t="s">
        <v>1020</v>
      </c>
      <c r="C2033" s="12" t="s">
        <v>545</v>
      </c>
    </row>
    <row r="2034" spans="1:3" ht="24">
      <c r="A2034" s="13">
        <v>2032</v>
      </c>
      <c r="B2034" s="10" t="s">
        <v>1020</v>
      </c>
      <c r="C2034" s="12" t="s">
        <v>545</v>
      </c>
    </row>
    <row r="2035" spans="1:3" ht="24">
      <c r="A2035" s="13">
        <v>2033</v>
      </c>
      <c r="B2035" s="10" t="s">
        <v>1020</v>
      </c>
      <c r="C2035" s="12" t="s">
        <v>545</v>
      </c>
    </row>
    <row r="2036" spans="1:3" ht="24">
      <c r="A2036" s="13">
        <v>2034</v>
      </c>
      <c r="B2036" s="10" t="s">
        <v>1020</v>
      </c>
      <c r="C2036" s="12" t="s">
        <v>545</v>
      </c>
    </row>
    <row r="2037" spans="1:3" ht="24">
      <c r="A2037" s="10">
        <v>2035</v>
      </c>
      <c r="B2037" s="10" t="s">
        <v>1020</v>
      </c>
      <c r="C2037" s="12" t="s">
        <v>545</v>
      </c>
    </row>
    <row r="2038" spans="1:3" ht="24">
      <c r="A2038" s="13">
        <v>2036</v>
      </c>
      <c r="B2038" s="10" t="s">
        <v>1020</v>
      </c>
      <c r="C2038" s="12" t="s">
        <v>545</v>
      </c>
    </row>
    <row r="2039" spans="1:3" ht="24">
      <c r="A2039" s="13">
        <v>2037</v>
      </c>
      <c r="B2039" s="10" t="s">
        <v>1020</v>
      </c>
      <c r="C2039" s="12" t="s">
        <v>545</v>
      </c>
    </row>
    <row r="2040" spans="1:3" ht="24">
      <c r="A2040" s="13">
        <v>2038</v>
      </c>
      <c r="B2040" s="10" t="s">
        <v>1020</v>
      </c>
      <c r="C2040" s="12" t="s">
        <v>545</v>
      </c>
    </row>
    <row r="2041" spans="1:3" ht="24">
      <c r="A2041" s="10">
        <v>2039</v>
      </c>
      <c r="B2041" s="10" t="s">
        <v>1020</v>
      </c>
      <c r="C2041" s="12" t="s">
        <v>545</v>
      </c>
    </row>
    <row r="2042" spans="1:3" ht="24">
      <c r="A2042" s="13">
        <v>2040</v>
      </c>
      <c r="B2042" s="10" t="s">
        <v>1020</v>
      </c>
      <c r="C2042" s="12" t="s">
        <v>545</v>
      </c>
    </row>
    <row r="2043" spans="1:3" ht="24">
      <c r="A2043" s="13">
        <v>2041</v>
      </c>
      <c r="B2043" s="10" t="s">
        <v>1021</v>
      </c>
      <c r="C2043" s="12" t="s">
        <v>545</v>
      </c>
    </row>
    <row r="2044" spans="1:3" ht="24">
      <c r="A2044" s="13">
        <v>2042</v>
      </c>
      <c r="B2044" s="10" t="s">
        <v>1021</v>
      </c>
      <c r="C2044" s="12" t="s">
        <v>545</v>
      </c>
    </row>
    <row r="2045" spans="1:3" ht="24">
      <c r="A2045" s="10">
        <v>2043</v>
      </c>
      <c r="B2045" s="10" t="s">
        <v>1021</v>
      </c>
      <c r="C2045" s="12" t="s">
        <v>545</v>
      </c>
    </row>
    <row r="2046" spans="1:3" ht="24">
      <c r="A2046" s="13">
        <v>2044</v>
      </c>
      <c r="B2046" s="10" t="s">
        <v>1021</v>
      </c>
      <c r="C2046" s="12" t="s">
        <v>545</v>
      </c>
    </row>
    <row r="2047" spans="1:3" ht="24">
      <c r="A2047" s="13">
        <v>2045</v>
      </c>
      <c r="B2047" s="10" t="s">
        <v>1021</v>
      </c>
      <c r="C2047" s="12" t="s">
        <v>545</v>
      </c>
    </row>
    <row r="2048" spans="1:3" ht="24">
      <c r="A2048" s="13">
        <v>2046</v>
      </c>
      <c r="B2048" s="10" t="s">
        <v>1021</v>
      </c>
      <c r="C2048" s="12" t="s">
        <v>545</v>
      </c>
    </row>
    <row r="2049" spans="1:3" ht="24">
      <c r="A2049" s="10">
        <v>2047</v>
      </c>
      <c r="B2049" s="10" t="s">
        <v>1021</v>
      </c>
      <c r="C2049" s="12" t="s">
        <v>545</v>
      </c>
    </row>
    <row r="2050" spans="1:3" ht="24">
      <c r="A2050" s="13">
        <v>2048</v>
      </c>
      <c r="B2050" s="10" t="s">
        <v>1021</v>
      </c>
      <c r="C2050" s="12" t="s">
        <v>545</v>
      </c>
    </row>
    <row r="2051" spans="1:3" ht="24">
      <c r="A2051" s="13">
        <v>2049</v>
      </c>
      <c r="B2051" s="10" t="s">
        <v>1021</v>
      </c>
      <c r="C2051" s="12" t="s">
        <v>545</v>
      </c>
    </row>
    <row r="2052" spans="1:3" ht="24">
      <c r="A2052" s="13">
        <v>2050</v>
      </c>
      <c r="B2052" s="10" t="s">
        <v>1021</v>
      </c>
      <c r="C2052" s="12" t="s">
        <v>545</v>
      </c>
    </row>
    <row r="2053" spans="1:3" ht="24">
      <c r="A2053" s="10">
        <v>2051</v>
      </c>
      <c r="B2053" s="10" t="s">
        <v>1021</v>
      </c>
      <c r="C2053" s="12" t="s">
        <v>545</v>
      </c>
    </row>
    <row r="2054" spans="1:3" ht="24">
      <c r="A2054" s="13">
        <v>2052</v>
      </c>
      <c r="B2054" s="10" t="s">
        <v>1021</v>
      </c>
      <c r="C2054" s="12" t="s">
        <v>545</v>
      </c>
    </row>
    <row r="2055" spans="1:3" ht="24">
      <c r="A2055" s="13">
        <v>2053</v>
      </c>
      <c r="B2055" s="10" t="s">
        <v>1021</v>
      </c>
      <c r="C2055" s="12" t="s">
        <v>545</v>
      </c>
    </row>
    <row r="2056" spans="1:3" ht="24">
      <c r="A2056" s="13">
        <v>2054</v>
      </c>
      <c r="B2056" s="10" t="s">
        <v>1021</v>
      </c>
      <c r="C2056" s="12" t="s">
        <v>545</v>
      </c>
    </row>
    <row r="2057" spans="1:3" ht="24">
      <c r="A2057" s="10">
        <v>2055</v>
      </c>
      <c r="B2057" s="10" t="s">
        <v>1021</v>
      </c>
      <c r="C2057" s="12" t="s">
        <v>545</v>
      </c>
    </row>
    <row r="2058" spans="1:3" ht="24">
      <c r="A2058" s="13">
        <v>2056</v>
      </c>
      <c r="B2058" s="10" t="s">
        <v>1021</v>
      </c>
      <c r="C2058" s="12" t="s">
        <v>545</v>
      </c>
    </row>
    <row r="2059" spans="1:3" ht="24">
      <c r="A2059" s="13">
        <v>2057</v>
      </c>
      <c r="B2059" s="10" t="s">
        <v>1021</v>
      </c>
      <c r="C2059" s="12" t="s">
        <v>545</v>
      </c>
    </row>
    <row r="2060" spans="1:3" ht="24">
      <c r="A2060" s="13">
        <v>2058</v>
      </c>
      <c r="B2060" s="10" t="s">
        <v>1021</v>
      </c>
      <c r="C2060" s="12" t="s">
        <v>545</v>
      </c>
    </row>
    <row r="2061" spans="1:3" ht="24">
      <c r="A2061" s="10">
        <v>2059</v>
      </c>
      <c r="B2061" s="10" t="s">
        <v>1021</v>
      </c>
      <c r="C2061" s="12" t="s">
        <v>545</v>
      </c>
    </row>
    <row r="2062" spans="1:3" ht="24">
      <c r="A2062" s="13">
        <v>2060</v>
      </c>
      <c r="B2062" s="10" t="s">
        <v>1021</v>
      </c>
      <c r="C2062" s="12" t="s">
        <v>545</v>
      </c>
    </row>
    <row r="2063" spans="1:3" ht="24">
      <c r="A2063" s="13">
        <v>2061</v>
      </c>
      <c r="B2063" s="10" t="s">
        <v>1021</v>
      </c>
      <c r="C2063" s="12" t="s">
        <v>545</v>
      </c>
    </row>
    <row r="2064" spans="1:3" ht="24">
      <c r="A2064" s="13">
        <v>2062</v>
      </c>
      <c r="B2064" s="10" t="s">
        <v>1021</v>
      </c>
      <c r="C2064" s="12" t="s">
        <v>545</v>
      </c>
    </row>
    <row r="2065" spans="1:3" ht="24">
      <c r="A2065" s="10">
        <v>2063</v>
      </c>
      <c r="B2065" s="10" t="s">
        <v>1021</v>
      </c>
      <c r="C2065" s="12" t="s">
        <v>545</v>
      </c>
    </row>
    <row r="2066" spans="1:3" ht="24">
      <c r="A2066" s="13">
        <v>2064</v>
      </c>
      <c r="B2066" s="10" t="s">
        <v>1021</v>
      </c>
      <c r="C2066" s="12" t="s">
        <v>545</v>
      </c>
    </row>
    <row r="2067" spans="1:3" ht="24">
      <c r="A2067" s="13">
        <v>2065</v>
      </c>
      <c r="B2067" s="10" t="s">
        <v>1022</v>
      </c>
      <c r="C2067" s="12" t="s">
        <v>545</v>
      </c>
    </row>
    <row r="2068" spans="1:3" ht="24">
      <c r="A2068" s="13">
        <v>2066</v>
      </c>
      <c r="B2068" s="10" t="s">
        <v>1023</v>
      </c>
      <c r="C2068" s="12" t="s">
        <v>545</v>
      </c>
    </row>
    <row r="2069" spans="1:3" ht="24">
      <c r="A2069" s="10">
        <v>2067</v>
      </c>
      <c r="B2069" s="10" t="s">
        <v>1024</v>
      </c>
      <c r="C2069" s="12" t="s">
        <v>545</v>
      </c>
    </row>
    <row r="2070" spans="1:3" ht="24">
      <c r="A2070" s="13">
        <v>2068</v>
      </c>
      <c r="B2070" s="10" t="s">
        <v>1025</v>
      </c>
      <c r="C2070" s="12" t="s">
        <v>545</v>
      </c>
    </row>
    <row r="2071" spans="1:3" ht="24">
      <c r="A2071" s="13">
        <v>2069</v>
      </c>
      <c r="B2071" s="10" t="s">
        <v>1026</v>
      </c>
      <c r="C2071" s="12" t="s">
        <v>545</v>
      </c>
    </row>
    <row r="2072" spans="1:3" ht="24">
      <c r="A2072" s="13">
        <v>2070</v>
      </c>
      <c r="B2072" s="10" t="s">
        <v>1026</v>
      </c>
      <c r="C2072" s="12" t="s">
        <v>545</v>
      </c>
    </row>
    <row r="2073" spans="1:3" ht="24">
      <c r="A2073" s="10">
        <v>2071</v>
      </c>
      <c r="B2073" s="10" t="s">
        <v>1026</v>
      </c>
      <c r="C2073" s="12" t="s">
        <v>545</v>
      </c>
    </row>
    <row r="2074" spans="1:3" ht="24">
      <c r="A2074" s="13">
        <v>2072</v>
      </c>
      <c r="B2074" s="10" t="s">
        <v>1026</v>
      </c>
      <c r="C2074" s="12" t="s">
        <v>545</v>
      </c>
    </row>
    <row r="2075" spans="1:3" ht="24">
      <c r="A2075" s="13">
        <v>2073</v>
      </c>
      <c r="B2075" s="10" t="s">
        <v>1026</v>
      </c>
      <c r="C2075" s="12" t="s">
        <v>545</v>
      </c>
    </row>
    <row r="2076" spans="1:3" ht="24">
      <c r="A2076" s="13">
        <v>2074</v>
      </c>
      <c r="B2076" s="10" t="s">
        <v>1026</v>
      </c>
      <c r="C2076" s="12" t="s">
        <v>545</v>
      </c>
    </row>
    <row r="2077" spans="1:3" ht="24">
      <c r="A2077" s="10">
        <v>2075</v>
      </c>
      <c r="B2077" s="10" t="s">
        <v>1026</v>
      </c>
      <c r="C2077" s="12" t="s">
        <v>545</v>
      </c>
    </row>
    <row r="2078" spans="1:3" ht="24">
      <c r="A2078" s="13">
        <v>2076</v>
      </c>
      <c r="B2078" s="10" t="s">
        <v>1026</v>
      </c>
      <c r="C2078" s="12" t="s">
        <v>545</v>
      </c>
    </row>
    <row r="2079" spans="1:3" ht="24">
      <c r="A2079" s="13">
        <v>2077</v>
      </c>
      <c r="B2079" s="10" t="s">
        <v>1026</v>
      </c>
      <c r="C2079" s="12" t="s">
        <v>545</v>
      </c>
    </row>
    <row r="2080" spans="1:3" ht="24">
      <c r="A2080" s="13">
        <v>2078</v>
      </c>
      <c r="B2080" s="10" t="s">
        <v>1026</v>
      </c>
      <c r="C2080" s="12" t="s">
        <v>545</v>
      </c>
    </row>
    <row r="2081" spans="1:3" ht="24">
      <c r="A2081" s="10">
        <v>2079</v>
      </c>
      <c r="B2081" s="10" t="s">
        <v>1018</v>
      </c>
      <c r="C2081" s="12" t="s">
        <v>545</v>
      </c>
    </row>
    <row r="2082" spans="1:3" ht="24">
      <c r="A2082" s="13">
        <v>2080</v>
      </c>
      <c r="B2082" s="10" t="s">
        <v>1027</v>
      </c>
      <c r="C2082" s="12" t="s">
        <v>545</v>
      </c>
    </row>
    <row r="2083" spans="1:3" ht="24">
      <c r="A2083" s="13">
        <v>2081</v>
      </c>
      <c r="B2083" s="10" t="s">
        <v>1027</v>
      </c>
      <c r="C2083" s="12" t="s">
        <v>545</v>
      </c>
    </row>
    <row r="2084" spans="1:3" ht="24">
      <c r="A2084" s="13">
        <v>2082</v>
      </c>
      <c r="B2084" s="10" t="s">
        <v>1027</v>
      </c>
      <c r="C2084" s="12" t="s">
        <v>545</v>
      </c>
    </row>
    <row r="2085" spans="1:3" ht="24">
      <c r="A2085" s="10">
        <v>2083</v>
      </c>
      <c r="B2085" s="10" t="s">
        <v>1028</v>
      </c>
      <c r="C2085" s="12" t="s">
        <v>545</v>
      </c>
    </row>
    <row r="2086" spans="1:3" ht="24">
      <c r="A2086" s="13">
        <v>2084</v>
      </c>
      <c r="B2086" s="10" t="s">
        <v>1028</v>
      </c>
      <c r="C2086" s="12" t="s">
        <v>545</v>
      </c>
    </row>
    <row r="2087" spans="1:3" ht="24">
      <c r="A2087" s="13">
        <v>2085</v>
      </c>
      <c r="B2087" s="10" t="s">
        <v>1028</v>
      </c>
      <c r="C2087" s="12" t="s">
        <v>545</v>
      </c>
    </row>
    <row r="2088" spans="1:3" ht="24">
      <c r="A2088" s="13">
        <v>2086</v>
      </c>
      <c r="B2088" s="10" t="s">
        <v>1029</v>
      </c>
      <c r="C2088" s="12" t="s">
        <v>545</v>
      </c>
    </row>
    <row r="2089" spans="1:3" ht="24">
      <c r="A2089" s="10">
        <v>2087</v>
      </c>
      <c r="B2089" s="10" t="s">
        <v>1030</v>
      </c>
      <c r="C2089" s="12" t="s">
        <v>545</v>
      </c>
    </row>
    <row r="2090" spans="1:3" ht="24">
      <c r="A2090" s="13">
        <v>2088</v>
      </c>
      <c r="B2090" s="10" t="s">
        <v>1030</v>
      </c>
      <c r="C2090" s="12" t="s">
        <v>545</v>
      </c>
    </row>
    <row r="2091" spans="1:3" ht="24">
      <c r="A2091" s="13">
        <v>2089</v>
      </c>
      <c r="B2091" s="10" t="s">
        <v>1030</v>
      </c>
      <c r="C2091" s="12" t="s">
        <v>545</v>
      </c>
    </row>
    <row r="2092" spans="1:3" ht="24">
      <c r="A2092" s="13">
        <v>2090</v>
      </c>
      <c r="B2092" s="10" t="s">
        <v>1030</v>
      </c>
      <c r="C2092" s="12" t="s">
        <v>545</v>
      </c>
    </row>
    <row r="2093" spans="1:3" ht="24">
      <c r="A2093" s="10">
        <v>2091</v>
      </c>
      <c r="B2093" s="10" t="s">
        <v>1030</v>
      </c>
      <c r="C2093" s="12" t="s">
        <v>545</v>
      </c>
    </row>
    <row r="2094" spans="1:3" ht="24">
      <c r="A2094" s="13">
        <v>2092</v>
      </c>
      <c r="B2094" s="10" t="s">
        <v>1030</v>
      </c>
      <c r="C2094" s="12" t="s">
        <v>545</v>
      </c>
    </row>
    <row r="2095" spans="1:3" ht="24">
      <c r="A2095" s="13">
        <v>2093</v>
      </c>
      <c r="B2095" s="10" t="s">
        <v>1030</v>
      </c>
      <c r="C2095" s="12" t="s">
        <v>545</v>
      </c>
    </row>
    <row r="2096" spans="1:3" ht="24">
      <c r="A2096" s="13">
        <v>2094</v>
      </c>
      <c r="B2096" s="10" t="s">
        <v>1030</v>
      </c>
      <c r="C2096" s="12" t="s">
        <v>545</v>
      </c>
    </row>
    <row r="2097" spans="1:3" ht="24">
      <c r="A2097" s="10">
        <v>2095</v>
      </c>
      <c r="B2097" s="10" t="s">
        <v>1030</v>
      </c>
      <c r="C2097" s="12" t="s">
        <v>545</v>
      </c>
    </row>
    <row r="2098" spans="1:3" ht="24">
      <c r="A2098" s="13">
        <v>2096</v>
      </c>
      <c r="B2098" s="10" t="s">
        <v>1030</v>
      </c>
      <c r="C2098" s="12" t="s">
        <v>545</v>
      </c>
    </row>
    <row r="2099" spans="1:3" ht="24">
      <c r="A2099" s="13">
        <v>2097</v>
      </c>
      <c r="B2099" s="10" t="s">
        <v>1031</v>
      </c>
      <c r="C2099" s="12" t="s">
        <v>545</v>
      </c>
    </row>
    <row r="2100" spans="1:3" ht="24">
      <c r="A2100" s="13">
        <v>2098</v>
      </c>
      <c r="B2100" s="10" t="s">
        <v>1032</v>
      </c>
      <c r="C2100" s="12" t="s">
        <v>545</v>
      </c>
    </row>
    <row r="2101" spans="1:3" ht="24">
      <c r="A2101" s="10">
        <v>2099</v>
      </c>
      <c r="B2101" s="10" t="s">
        <v>1033</v>
      </c>
      <c r="C2101" s="12" t="s">
        <v>545</v>
      </c>
    </row>
    <row r="2102" spans="1:3" ht="24">
      <c r="A2102" s="13">
        <v>2100</v>
      </c>
      <c r="B2102" s="10" t="s">
        <v>1034</v>
      </c>
      <c r="C2102" s="12" t="s">
        <v>545</v>
      </c>
    </row>
    <row r="2103" spans="1:3" ht="31.5">
      <c r="A2103" s="13">
        <v>2101</v>
      </c>
      <c r="B2103" s="10" t="s">
        <v>1035</v>
      </c>
      <c r="C2103" s="12" t="s">
        <v>545</v>
      </c>
    </row>
    <row r="2104" spans="1:3" ht="24">
      <c r="A2104" s="13">
        <v>2102</v>
      </c>
      <c r="B2104" s="10" t="s">
        <v>1036</v>
      </c>
      <c r="C2104" s="12" t="s">
        <v>545</v>
      </c>
    </row>
    <row r="2105" spans="1:3" ht="24">
      <c r="A2105" s="10">
        <v>2103</v>
      </c>
      <c r="B2105" s="10" t="s">
        <v>246</v>
      </c>
      <c r="C2105" s="12" t="s">
        <v>545</v>
      </c>
    </row>
    <row r="2106" spans="1:3" ht="24">
      <c r="A2106" s="13">
        <v>2104</v>
      </c>
      <c r="B2106" s="10" t="s">
        <v>246</v>
      </c>
      <c r="C2106" s="12" t="s">
        <v>545</v>
      </c>
    </row>
    <row r="2107" spans="1:3" ht="24">
      <c r="A2107" s="13">
        <v>2105</v>
      </c>
      <c r="B2107" s="10" t="s">
        <v>246</v>
      </c>
      <c r="C2107" s="12" t="s">
        <v>545</v>
      </c>
    </row>
    <row r="2108" spans="1:3" ht="24">
      <c r="A2108" s="13">
        <v>2106</v>
      </c>
      <c r="B2108" s="10" t="s">
        <v>246</v>
      </c>
      <c r="C2108" s="12" t="s">
        <v>545</v>
      </c>
    </row>
    <row r="2109" spans="1:3" ht="31.5">
      <c r="A2109" s="10">
        <v>2107</v>
      </c>
      <c r="B2109" s="10" t="s">
        <v>1037</v>
      </c>
      <c r="C2109" s="12" t="s">
        <v>545</v>
      </c>
    </row>
    <row r="2110" spans="1:3" ht="31.5">
      <c r="A2110" s="13">
        <v>2108</v>
      </c>
      <c r="B2110" s="10" t="s">
        <v>1037</v>
      </c>
      <c r="C2110" s="12" t="s">
        <v>545</v>
      </c>
    </row>
    <row r="2111" spans="1:3" ht="31.5">
      <c r="A2111" s="13">
        <v>2109</v>
      </c>
      <c r="B2111" s="10" t="s">
        <v>1037</v>
      </c>
      <c r="C2111" s="12" t="s">
        <v>545</v>
      </c>
    </row>
    <row r="2112" spans="1:3" ht="31.5">
      <c r="A2112" s="13">
        <v>2110</v>
      </c>
      <c r="B2112" s="10" t="s">
        <v>1037</v>
      </c>
      <c r="C2112" s="12" t="s">
        <v>545</v>
      </c>
    </row>
    <row r="2113" spans="1:3" ht="31.5">
      <c r="A2113" s="10">
        <v>2111</v>
      </c>
      <c r="B2113" s="10" t="s">
        <v>1037</v>
      </c>
      <c r="C2113" s="12" t="s">
        <v>545</v>
      </c>
    </row>
    <row r="2114" spans="1:3" ht="31.5">
      <c r="A2114" s="13">
        <v>2112</v>
      </c>
      <c r="B2114" s="10" t="s">
        <v>1037</v>
      </c>
      <c r="C2114" s="12" t="s">
        <v>545</v>
      </c>
    </row>
    <row r="2115" spans="1:3" ht="31.5">
      <c r="A2115" s="13">
        <v>2113</v>
      </c>
      <c r="B2115" s="10" t="s">
        <v>1037</v>
      </c>
      <c r="C2115" s="12" t="s">
        <v>545</v>
      </c>
    </row>
    <row r="2116" spans="1:3" ht="31.5">
      <c r="A2116" s="13">
        <v>2114</v>
      </c>
      <c r="B2116" s="10" t="s">
        <v>1037</v>
      </c>
      <c r="C2116" s="12" t="s">
        <v>545</v>
      </c>
    </row>
    <row r="2117" spans="1:3" ht="31.5">
      <c r="A2117" s="10">
        <v>2115</v>
      </c>
      <c r="B2117" s="10" t="s">
        <v>1037</v>
      </c>
      <c r="C2117" s="12" t="s">
        <v>545</v>
      </c>
    </row>
    <row r="2118" spans="1:3" ht="24">
      <c r="A2118" s="13">
        <v>2116</v>
      </c>
      <c r="B2118" s="10" t="s">
        <v>1038</v>
      </c>
      <c r="C2118" s="12" t="s">
        <v>545</v>
      </c>
    </row>
    <row r="2119" spans="1:3" ht="24">
      <c r="A2119" s="13">
        <v>2117</v>
      </c>
      <c r="B2119" s="10" t="s">
        <v>1039</v>
      </c>
      <c r="C2119" s="12" t="s">
        <v>545</v>
      </c>
    </row>
    <row r="2120" spans="1:3" ht="24">
      <c r="A2120" s="13">
        <v>2118</v>
      </c>
      <c r="B2120" s="32" t="s">
        <v>1040</v>
      </c>
      <c r="C2120" s="12" t="s">
        <v>545</v>
      </c>
    </row>
    <row r="2121" spans="1:3" ht="24">
      <c r="A2121" s="10">
        <v>2119</v>
      </c>
      <c r="B2121" s="10" t="s">
        <v>1041</v>
      </c>
      <c r="C2121" s="12" t="s">
        <v>545</v>
      </c>
    </row>
    <row r="2122" spans="1:3" ht="24">
      <c r="A2122" s="13">
        <v>2120</v>
      </c>
      <c r="B2122" s="10" t="s">
        <v>1042</v>
      </c>
      <c r="C2122" s="12" t="s">
        <v>545</v>
      </c>
    </row>
    <row r="2123" spans="1:3" ht="24">
      <c r="A2123" s="13">
        <v>2121</v>
      </c>
      <c r="B2123" s="10" t="s">
        <v>1042</v>
      </c>
      <c r="C2123" s="12" t="s">
        <v>545</v>
      </c>
    </row>
    <row r="2124" spans="1:3" ht="24">
      <c r="A2124" s="13">
        <v>2122</v>
      </c>
      <c r="B2124" s="10" t="s">
        <v>1042</v>
      </c>
      <c r="C2124" s="12" t="s">
        <v>545</v>
      </c>
    </row>
    <row r="2125" spans="1:3" ht="24">
      <c r="A2125" s="10">
        <v>2123</v>
      </c>
      <c r="B2125" s="10" t="s">
        <v>1042</v>
      </c>
      <c r="C2125" s="12" t="s">
        <v>545</v>
      </c>
    </row>
    <row r="2126" spans="1:3" ht="24">
      <c r="A2126" s="13">
        <v>2124</v>
      </c>
      <c r="B2126" s="10" t="s">
        <v>1043</v>
      </c>
      <c r="C2126" s="12" t="s">
        <v>545</v>
      </c>
    </row>
    <row r="2127" spans="1:3" ht="24">
      <c r="A2127" s="13">
        <v>2125</v>
      </c>
      <c r="B2127" s="10" t="s">
        <v>1043</v>
      </c>
      <c r="C2127" s="12" t="s">
        <v>545</v>
      </c>
    </row>
    <row r="2128" spans="1:3" ht="24">
      <c r="A2128" s="13">
        <v>2126</v>
      </c>
      <c r="B2128" s="10" t="s">
        <v>1044</v>
      </c>
      <c r="C2128" s="12" t="s">
        <v>545</v>
      </c>
    </row>
    <row r="2129" spans="1:3" ht="24">
      <c r="A2129" s="10">
        <v>2127</v>
      </c>
      <c r="B2129" s="10" t="s">
        <v>1044</v>
      </c>
      <c r="C2129" s="12" t="s">
        <v>545</v>
      </c>
    </row>
    <row r="2130" spans="1:3" ht="24">
      <c r="A2130" s="13">
        <v>2128</v>
      </c>
      <c r="B2130" s="10" t="s">
        <v>1044</v>
      </c>
      <c r="C2130" s="12" t="s">
        <v>545</v>
      </c>
    </row>
    <row r="2131" spans="1:3" ht="24">
      <c r="A2131" s="13">
        <v>2129</v>
      </c>
      <c r="B2131" s="10" t="s">
        <v>1044</v>
      </c>
      <c r="C2131" s="12" t="s">
        <v>545</v>
      </c>
    </row>
    <row r="2132" spans="1:3" ht="24">
      <c r="A2132" s="13">
        <v>2130</v>
      </c>
      <c r="B2132" s="10" t="s">
        <v>1044</v>
      </c>
      <c r="C2132" s="12" t="s">
        <v>545</v>
      </c>
    </row>
    <row r="2133" spans="1:3" ht="24">
      <c r="A2133" s="10">
        <v>2131</v>
      </c>
      <c r="B2133" s="10" t="s">
        <v>1044</v>
      </c>
      <c r="C2133" s="12" t="s">
        <v>545</v>
      </c>
    </row>
    <row r="2134" spans="1:3" ht="24">
      <c r="A2134" s="13">
        <v>2132</v>
      </c>
      <c r="B2134" s="10" t="s">
        <v>1044</v>
      </c>
      <c r="C2134" s="12" t="s">
        <v>545</v>
      </c>
    </row>
    <row r="2135" spans="1:3" ht="24">
      <c r="A2135" s="13">
        <v>2133</v>
      </c>
      <c r="B2135" s="10" t="s">
        <v>1044</v>
      </c>
      <c r="C2135" s="12" t="s">
        <v>545</v>
      </c>
    </row>
    <row r="2136" spans="1:3" ht="24">
      <c r="A2136" s="13">
        <v>2134</v>
      </c>
      <c r="B2136" s="10" t="s">
        <v>1045</v>
      </c>
      <c r="C2136" s="12" t="s">
        <v>545</v>
      </c>
    </row>
    <row r="2137" spans="1:3" ht="24">
      <c r="A2137" s="10">
        <v>2135</v>
      </c>
      <c r="B2137" s="10" t="s">
        <v>1045</v>
      </c>
      <c r="C2137" s="12" t="s">
        <v>545</v>
      </c>
    </row>
    <row r="2138" spans="1:3" ht="24">
      <c r="A2138" s="13">
        <v>2136</v>
      </c>
      <c r="B2138" s="10" t="s">
        <v>1046</v>
      </c>
      <c r="C2138" s="12" t="s">
        <v>545</v>
      </c>
    </row>
    <row r="2139" spans="1:3" ht="24">
      <c r="A2139" s="13">
        <v>2137</v>
      </c>
      <c r="B2139" s="10" t="s">
        <v>1046</v>
      </c>
      <c r="C2139" s="12" t="s">
        <v>545</v>
      </c>
    </row>
    <row r="2140" spans="1:3" ht="24">
      <c r="A2140" s="13">
        <v>2138</v>
      </c>
      <c r="B2140" s="10" t="s">
        <v>1046</v>
      </c>
      <c r="C2140" s="12" t="s">
        <v>545</v>
      </c>
    </row>
    <row r="2141" spans="1:3" ht="31.5">
      <c r="A2141" s="10">
        <v>2139</v>
      </c>
      <c r="B2141" s="10" t="s">
        <v>1047</v>
      </c>
      <c r="C2141" s="12" t="s">
        <v>545</v>
      </c>
    </row>
    <row r="2142" spans="1:3" ht="24">
      <c r="A2142" s="13">
        <v>2140</v>
      </c>
      <c r="B2142" s="10" t="s">
        <v>1048</v>
      </c>
      <c r="C2142" s="12" t="s">
        <v>545</v>
      </c>
    </row>
    <row r="2143" spans="1:3" ht="31.5">
      <c r="A2143" s="13">
        <v>2141</v>
      </c>
      <c r="B2143" s="10" t="s">
        <v>1049</v>
      </c>
      <c r="C2143" s="12" t="s">
        <v>545</v>
      </c>
    </row>
    <row r="2144" spans="1:3" ht="24">
      <c r="A2144" s="13">
        <v>2142</v>
      </c>
      <c r="B2144" s="10" t="s">
        <v>1050</v>
      </c>
      <c r="C2144" s="12" t="s">
        <v>545</v>
      </c>
    </row>
    <row r="2145" spans="1:3" ht="24">
      <c r="A2145" s="10">
        <v>2143</v>
      </c>
      <c r="B2145" s="10" t="s">
        <v>1051</v>
      </c>
      <c r="C2145" s="12" t="s">
        <v>545</v>
      </c>
    </row>
    <row r="2146" spans="1:3" ht="24">
      <c r="A2146" s="13">
        <v>2144</v>
      </c>
      <c r="B2146" s="10" t="s">
        <v>1046</v>
      </c>
      <c r="C2146" s="12" t="s">
        <v>545</v>
      </c>
    </row>
    <row r="2147" spans="1:3" ht="24">
      <c r="A2147" s="13">
        <v>2145</v>
      </c>
      <c r="B2147" s="10" t="s">
        <v>1046</v>
      </c>
      <c r="C2147" s="12" t="s">
        <v>545</v>
      </c>
    </row>
    <row r="2148" spans="1:3" ht="24">
      <c r="A2148" s="13">
        <v>2146</v>
      </c>
      <c r="B2148" s="10" t="s">
        <v>1046</v>
      </c>
      <c r="C2148" s="12" t="s">
        <v>545</v>
      </c>
    </row>
    <row r="2149" spans="1:3" ht="24">
      <c r="A2149" s="10">
        <v>2147</v>
      </c>
      <c r="B2149" s="10" t="s">
        <v>1046</v>
      </c>
      <c r="C2149" s="12" t="s">
        <v>545</v>
      </c>
    </row>
    <row r="2150" spans="1:3" ht="24">
      <c r="A2150" s="13">
        <v>2148</v>
      </c>
      <c r="B2150" s="10" t="s">
        <v>1046</v>
      </c>
      <c r="C2150" s="12" t="s">
        <v>545</v>
      </c>
    </row>
    <row r="2151" spans="1:3" ht="24">
      <c r="A2151" s="13">
        <v>2149</v>
      </c>
      <c r="B2151" s="10" t="s">
        <v>1046</v>
      </c>
      <c r="C2151" s="12" t="s">
        <v>545</v>
      </c>
    </row>
    <row r="2152" spans="1:3" ht="31.5">
      <c r="A2152" s="13">
        <v>2150</v>
      </c>
      <c r="B2152" s="10" t="s">
        <v>1052</v>
      </c>
      <c r="C2152" s="12" t="s">
        <v>545</v>
      </c>
    </row>
    <row r="2153" spans="1:3" ht="24">
      <c r="A2153" s="10">
        <v>2151</v>
      </c>
      <c r="B2153" s="10" t="s">
        <v>1053</v>
      </c>
      <c r="C2153" s="12" t="s">
        <v>545</v>
      </c>
    </row>
    <row r="2154" spans="1:3" ht="24">
      <c r="A2154" s="13">
        <v>2152</v>
      </c>
      <c r="B2154" s="10" t="s">
        <v>1054</v>
      </c>
      <c r="C2154" s="12" t="s">
        <v>545</v>
      </c>
    </row>
    <row r="2155" spans="1:3" ht="24">
      <c r="A2155" s="13">
        <v>2153</v>
      </c>
      <c r="B2155" s="10" t="s">
        <v>1046</v>
      </c>
      <c r="C2155" s="12" t="s">
        <v>545</v>
      </c>
    </row>
    <row r="2156" spans="1:3" ht="24">
      <c r="A2156" s="13">
        <v>2154</v>
      </c>
      <c r="B2156" s="10" t="s">
        <v>1046</v>
      </c>
      <c r="C2156" s="12" t="s">
        <v>545</v>
      </c>
    </row>
    <row r="2157" spans="1:3" ht="24">
      <c r="A2157" s="10">
        <v>2155</v>
      </c>
      <c r="B2157" s="10" t="s">
        <v>1046</v>
      </c>
      <c r="C2157" s="12" t="s">
        <v>545</v>
      </c>
    </row>
    <row r="2158" spans="1:3" ht="24">
      <c r="A2158" s="13">
        <v>2156</v>
      </c>
      <c r="B2158" s="10" t="s">
        <v>1046</v>
      </c>
      <c r="C2158" s="12" t="s">
        <v>545</v>
      </c>
    </row>
    <row r="2159" spans="1:3" ht="24">
      <c r="A2159" s="13">
        <v>2157</v>
      </c>
      <c r="B2159" s="10" t="s">
        <v>1046</v>
      </c>
      <c r="C2159" s="12" t="s">
        <v>545</v>
      </c>
    </row>
    <row r="2160" spans="1:3" ht="24">
      <c r="A2160" s="13">
        <v>2158</v>
      </c>
      <c r="B2160" s="10" t="s">
        <v>1055</v>
      </c>
      <c r="C2160" s="12" t="s">
        <v>545</v>
      </c>
    </row>
    <row r="2161" spans="1:3" ht="24">
      <c r="A2161" s="10">
        <v>2159</v>
      </c>
      <c r="B2161" s="10" t="s">
        <v>1056</v>
      </c>
      <c r="C2161" s="12" t="s">
        <v>545</v>
      </c>
    </row>
    <row r="2162" spans="1:3" ht="24">
      <c r="A2162" s="13">
        <v>2160</v>
      </c>
      <c r="B2162" s="10" t="s">
        <v>1057</v>
      </c>
      <c r="C2162" s="12" t="s">
        <v>545</v>
      </c>
    </row>
    <row r="2163" spans="1:3" ht="24">
      <c r="A2163" s="13">
        <v>2161</v>
      </c>
      <c r="B2163" s="10" t="s">
        <v>1057</v>
      </c>
      <c r="C2163" s="12" t="s">
        <v>545</v>
      </c>
    </row>
    <row r="2164" spans="1:3" ht="24">
      <c r="A2164" s="13">
        <v>2162</v>
      </c>
      <c r="B2164" s="10" t="s">
        <v>1057</v>
      </c>
      <c r="C2164" s="12" t="s">
        <v>545</v>
      </c>
    </row>
    <row r="2165" spans="1:3" ht="24">
      <c r="A2165" s="10">
        <v>2163</v>
      </c>
      <c r="B2165" s="10" t="s">
        <v>1057</v>
      </c>
      <c r="C2165" s="12" t="s">
        <v>545</v>
      </c>
    </row>
    <row r="2166" spans="1:3" ht="24">
      <c r="A2166" s="13">
        <v>2164</v>
      </c>
      <c r="B2166" s="10" t="s">
        <v>1057</v>
      </c>
      <c r="C2166" s="12" t="s">
        <v>545</v>
      </c>
    </row>
    <row r="2167" spans="1:3" ht="24">
      <c r="A2167" s="13">
        <v>2165</v>
      </c>
      <c r="B2167" s="10" t="s">
        <v>1057</v>
      </c>
      <c r="C2167" s="12" t="s">
        <v>545</v>
      </c>
    </row>
    <row r="2168" spans="1:3" ht="24">
      <c r="A2168" s="13">
        <v>2166</v>
      </c>
      <c r="B2168" s="10" t="s">
        <v>1058</v>
      </c>
      <c r="C2168" s="12" t="s">
        <v>545</v>
      </c>
    </row>
    <row r="2169" spans="1:3" ht="24">
      <c r="A2169" s="10">
        <v>2167</v>
      </c>
      <c r="B2169" s="10" t="s">
        <v>1058</v>
      </c>
      <c r="C2169" s="12" t="s">
        <v>545</v>
      </c>
    </row>
    <row r="2170" spans="1:3" ht="24">
      <c r="A2170" s="13">
        <v>2168</v>
      </c>
      <c r="B2170" s="10" t="s">
        <v>1059</v>
      </c>
      <c r="C2170" s="12" t="s">
        <v>545</v>
      </c>
    </row>
    <row r="2171" spans="1:3" ht="24">
      <c r="A2171" s="13">
        <v>2169</v>
      </c>
      <c r="B2171" s="10" t="s">
        <v>1059</v>
      </c>
      <c r="C2171" s="12" t="s">
        <v>545</v>
      </c>
    </row>
    <row r="2172" spans="1:3" ht="24">
      <c r="A2172" s="13">
        <v>2170</v>
      </c>
      <c r="B2172" s="10" t="s">
        <v>1059</v>
      </c>
      <c r="C2172" s="12" t="s">
        <v>545</v>
      </c>
    </row>
    <row r="2173" spans="1:3" ht="24">
      <c r="A2173" s="10">
        <v>2171</v>
      </c>
      <c r="B2173" s="10" t="s">
        <v>1059</v>
      </c>
      <c r="C2173" s="12" t="s">
        <v>545</v>
      </c>
    </row>
    <row r="2174" spans="1:3" ht="24">
      <c r="A2174" s="13">
        <v>2172</v>
      </c>
      <c r="B2174" s="10" t="s">
        <v>1059</v>
      </c>
      <c r="C2174" s="12" t="s">
        <v>545</v>
      </c>
    </row>
    <row r="2175" spans="1:3" ht="24">
      <c r="A2175" s="13">
        <v>2173</v>
      </c>
      <c r="B2175" s="10" t="s">
        <v>1059</v>
      </c>
      <c r="C2175" s="12" t="s">
        <v>545</v>
      </c>
    </row>
    <row r="2176" spans="1:3" ht="24">
      <c r="A2176" s="13">
        <v>2174</v>
      </c>
      <c r="B2176" s="10" t="s">
        <v>1060</v>
      </c>
      <c r="C2176" s="12" t="s">
        <v>545</v>
      </c>
    </row>
    <row r="2177" spans="1:3" ht="24">
      <c r="A2177" s="10">
        <v>2175</v>
      </c>
      <c r="B2177" s="10" t="s">
        <v>1060</v>
      </c>
      <c r="C2177" s="12" t="s">
        <v>545</v>
      </c>
    </row>
    <row r="2178" spans="1:3" ht="24">
      <c r="A2178" s="13">
        <v>2176</v>
      </c>
      <c r="B2178" s="10" t="s">
        <v>1060</v>
      </c>
      <c r="C2178" s="12" t="s">
        <v>545</v>
      </c>
    </row>
    <row r="2179" spans="1:3" ht="24">
      <c r="A2179" s="13">
        <v>2177</v>
      </c>
      <c r="B2179" s="10" t="s">
        <v>1060</v>
      </c>
      <c r="C2179" s="12" t="s">
        <v>545</v>
      </c>
    </row>
    <row r="2180" spans="1:3" ht="24">
      <c r="A2180" s="13">
        <v>2178</v>
      </c>
      <c r="B2180" s="10" t="s">
        <v>1060</v>
      </c>
      <c r="C2180" s="12" t="s">
        <v>545</v>
      </c>
    </row>
    <row r="2181" spans="1:3" ht="24">
      <c r="A2181" s="10">
        <v>2179</v>
      </c>
      <c r="B2181" s="10" t="s">
        <v>1060</v>
      </c>
      <c r="C2181" s="12" t="s">
        <v>545</v>
      </c>
    </row>
    <row r="2182" spans="1:3" ht="24">
      <c r="A2182" s="13">
        <v>2180</v>
      </c>
      <c r="B2182" s="10" t="s">
        <v>1061</v>
      </c>
      <c r="C2182" s="12" t="s">
        <v>545</v>
      </c>
    </row>
    <row r="2183" spans="1:3" ht="24">
      <c r="A2183" s="13">
        <v>2181</v>
      </c>
      <c r="B2183" s="10" t="s">
        <v>1062</v>
      </c>
      <c r="C2183" s="12" t="s">
        <v>545</v>
      </c>
    </row>
    <row r="2184" spans="1:3" ht="24">
      <c r="A2184" s="13">
        <v>2182</v>
      </c>
      <c r="B2184" s="10" t="s">
        <v>1062</v>
      </c>
      <c r="C2184" s="12" t="s">
        <v>545</v>
      </c>
    </row>
    <row r="2185" spans="1:3" ht="24">
      <c r="A2185" s="10">
        <v>2183</v>
      </c>
      <c r="B2185" s="10" t="s">
        <v>1062</v>
      </c>
      <c r="C2185" s="12" t="s">
        <v>545</v>
      </c>
    </row>
    <row r="2186" spans="1:3" ht="24">
      <c r="A2186" s="13">
        <v>2184</v>
      </c>
      <c r="B2186" s="10" t="s">
        <v>1062</v>
      </c>
      <c r="C2186" s="12" t="s">
        <v>545</v>
      </c>
    </row>
    <row r="2187" spans="1:3" ht="24">
      <c r="A2187" s="13">
        <v>2185</v>
      </c>
      <c r="B2187" s="10" t="s">
        <v>1063</v>
      </c>
      <c r="C2187" s="12" t="s">
        <v>545</v>
      </c>
    </row>
    <row r="2188" spans="1:3" ht="24">
      <c r="A2188" s="13">
        <v>2186</v>
      </c>
      <c r="B2188" s="10" t="s">
        <v>1063</v>
      </c>
      <c r="C2188" s="12" t="s">
        <v>545</v>
      </c>
    </row>
    <row r="2189" spans="1:3" ht="24">
      <c r="A2189" s="10">
        <v>2187</v>
      </c>
      <c r="B2189" s="10" t="s">
        <v>1063</v>
      </c>
      <c r="C2189" s="12" t="s">
        <v>545</v>
      </c>
    </row>
    <row r="2190" spans="1:3" ht="24">
      <c r="A2190" s="13">
        <v>2188</v>
      </c>
      <c r="B2190" s="10" t="s">
        <v>1063</v>
      </c>
      <c r="C2190" s="12" t="s">
        <v>545</v>
      </c>
    </row>
    <row r="2191" spans="1:3" ht="24">
      <c r="A2191" s="13">
        <v>2189</v>
      </c>
      <c r="B2191" s="10" t="s">
        <v>1063</v>
      </c>
      <c r="C2191" s="12" t="s">
        <v>545</v>
      </c>
    </row>
    <row r="2192" spans="1:3" ht="31.5">
      <c r="A2192" s="13">
        <v>2190</v>
      </c>
      <c r="B2192" s="10" t="s">
        <v>1064</v>
      </c>
      <c r="C2192" s="12" t="s">
        <v>545</v>
      </c>
    </row>
    <row r="2193" spans="1:3" ht="31.5">
      <c r="A2193" s="10">
        <v>2191</v>
      </c>
      <c r="B2193" s="10" t="s">
        <v>1064</v>
      </c>
      <c r="C2193" s="12" t="s">
        <v>545</v>
      </c>
    </row>
    <row r="2194" spans="1:3" ht="31.5">
      <c r="A2194" s="13">
        <v>2192</v>
      </c>
      <c r="B2194" s="10" t="s">
        <v>1064</v>
      </c>
      <c r="C2194" s="12" t="s">
        <v>545</v>
      </c>
    </row>
    <row r="2195" spans="1:3" ht="24">
      <c r="A2195" s="13">
        <v>2193</v>
      </c>
      <c r="B2195" s="10" t="s">
        <v>1065</v>
      </c>
      <c r="C2195" s="12" t="s">
        <v>545</v>
      </c>
    </row>
    <row r="2196" spans="1:3" ht="24">
      <c r="A2196" s="13">
        <v>2194</v>
      </c>
      <c r="B2196" s="10" t="s">
        <v>1066</v>
      </c>
      <c r="C2196" s="12" t="s">
        <v>545</v>
      </c>
    </row>
    <row r="2197" spans="1:3" ht="24">
      <c r="A2197" s="10">
        <v>2195</v>
      </c>
      <c r="B2197" s="10" t="s">
        <v>1067</v>
      </c>
      <c r="C2197" s="12" t="s">
        <v>545</v>
      </c>
    </row>
    <row r="2198" spans="1:3" ht="24">
      <c r="A2198" s="13">
        <v>2196</v>
      </c>
      <c r="B2198" s="10" t="s">
        <v>1068</v>
      </c>
      <c r="C2198" s="12" t="s">
        <v>545</v>
      </c>
    </row>
    <row r="2199" spans="1:3" ht="24">
      <c r="A2199" s="13">
        <v>2197</v>
      </c>
      <c r="B2199" s="10" t="s">
        <v>1069</v>
      </c>
      <c r="C2199" s="12" t="s">
        <v>545</v>
      </c>
    </row>
    <row r="2200" spans="1:3" ht="24">
      <c r="A2200" s="13">
        <v>2198</v>
      </c>
      <c r="B2200" s="10" t="s">
        <v>1070</v>
      </c>
      <c r="C2200" s="12" t="s">
        <v>545</v>
      </c>
    </row>
    <row r="2201" spans="1:3" ht="24">
      <c r="A2201" s="10">
        <v>2199</v>
      </c>
      <c r="B2201" s="10" t="s">
        <v>1070</v>
      </c>
      <c r="C2201" s="12" t="s">
        <v>545</v>
      </c>
    </row>
    <row r="2202" spans="1:3" ht="24">
      <c r="A2202" s="13">
        <v>2200</v>
      </c>
      <c r="B2202" s="10" t="s">
        <v>1070</v>
      </c>
      <c r="C2202" s="12" t="s">
        <v>545</v>
      </c>
    </row>
    <row r="2203" spans="1:3" ht="24">
      <c r="A2203" s="13">
        <v>2201</v>
      </c>
      <c r="B2203" s="10" t="s">
        <v>1070</v>
      </c>
      <c r="C2203" s="12" t="s">
        <v>545</v>
      </c>
    </row>
    <row r="2204" spans="1:3" ht="24">
      <c r="A2204" s="13">
        <v>2202</v>
      </c>
      <c r="B2204" s="10" t="s">
        <v>1070</v>
      </c>
      <c r="C2204" s="12" t="s">
        <v>545</v>
      </c>
    </row>
    <row r="2205" spans="1:3" ht="31.5">
      <c r="A2205" s="10">
        <v>2203</v>
      </c>
      <c r="B2205" s="10" t="s">
        <v>1071</v>
      </c>
      <c r="C2205" s="12" t="s">
        <v>545</v>
      </c>
    </row>
    <row r="2206" spans="1:3" ht="24">
      <c r="A2206" s="13">
        <v>2204</v>
      </c>
      <c r="B2206" s="10" t="s">
        <v>1072</v>
      </c>
      <c r="C2206" s="12" t="s">
        <v>545</v>
      </c>
    </row>
    <row r="2207" spans="1:3" ht="24">
      <c r="A2207" s="13">
        <v>2205</v>
      </c>
      <c r="B2207" s="10" t="s">
        <v>1073</v>
      </c>
      <c r="C2207" s="12" t="s">
        <v>545</v>
      </c>
    </row>
    <row r="2208" spans="1:3" ht="24">
      <c r="A2208" s="13">
        <v>2206</v>
      </c>
      <c r="B2208" s="10" t="s">
        <v>1073</v>
      </c>
      <c r="C2208" s="12" t="s">
        <v>545</v>
      </c>
    </row>
    <row r="2209" spans="1:3" ht="24">
      <c r="A2209" s="10">
        <v>2207</v>
      </c>
      <c r="B2209" s="10" t="s">
        <v>1073</v>
      </c>
      <c r="C2209" s="12" t="s">
        <v>545</v>
      </c>
    </row>
    <row r="2210" spans="1:3" ht="31.5">
      <c r="A2210" s="13">
        <v>2208</v>
      </c>
      <c r="B2210" s="10" t="s">
        <v>1074</v>
      </c>
      <c r="C2210" s="12" t="s">
        <v>545</v>
      </c>
    </row>
    <row r="2211" spans="1:3" ht="31.5">
      <c r="A2211" s="13">
        <v>2209</v>
      </c>
      <c r="B2211" s="10" t="s">
        <v>1075</v>
      </c>
      <c r="C2211" s="12" t="s">
        <v>545</v>
      </c>
    </row>
    <row r="2212" spans="1:3" ht="24">
      <c r="A2212" s="13">
        <v>2210</v>
      </c>
      <c r="B2212" s="10" t="s">
        <v>1076</v>
      </c>
      <c r="C2212" s="12" t="s">
        <v>545</v>
      </c>
    </row>
    <row r="2213" spans="1:3" ht="24">
      <c r="A2213" s="10">
        <v>2211</v>
      </c>
      <c r="B2213" s="10" t="s">
        <v>1076</v>
      </c>
      <c r="C2213" s="12" t="s">
        <v>545</v>
      </c>
    </row>
    <row r="2214" spans="1:3" ht="31.5">
      <c r="A2214" s="13">
        <v>2212</v>
      </c>
      <c r="B2214" s="10" t="s">
        <v>1077</v>
      </c>
      <c r="C2214" s="12" t="s">
        <v>545</v>
      </c>
    </row>
    <row r="2215" spans="1:3" ht="24">
      <c r="A2215" s="13">
        <v>2213</v>
      </c>
      <c r="B2215" s="10" t="s">
        <v>1018</v>
      </c>
      <c r="C2215" s="12" t="s">
        <v>545</v>
      </c>
    </row>
    <row r="2216" spans="1:3" ht="31.5">
      <c r="A2216" s="13">
        <v>2214</v>
      </c>
      <c r="B2216" s="10" t="s">
        <v>1078</v>
      </c>
      <c r="C2216" s="12" t="s">
        <v>545</v>
      </c>
    </row>
    <row r="2217" spans="1:3" ht="31.5">
      <c r="A2217" s="10">
        <v>2215</v>
      </c>
      <c r="B2217" s="10" t="s">
        <v>1078</v>
      </c>
      <c r="C2217" s="12" t="s">
        <v>545</v>
      </c>
    </row>
    <row r="2218" spans="1:3" ht="31.5">
      <c r="A2218" s="13">
        <v>2216</v>
      </c>
      <c r="B2218" s="10" t="s">
        <v>1078</v>
      </c>
      <c r="C2218" s="12" t="s">
        <v>545</v>
      </c>
    </row>
    <row r="2219" spans="1:3" ht="31.5">
      <c r="A2219" s="13">
        <v>2217</v>
      </c>
      <c r="B2219" s="10" t="s">
        <v>1079</v>
      </c>
      <c r="C2219" s="12" t="s">
        <v>545</v>
      </c>
    </row>
    <row r="2220" spans="1:3" ht="31.5">
      <c r="A2220" s="13">
        <v>2218</v>
      </c>
      <c r="B2220" s="10" t="s">
        <v>1079</v>
      </c>
      <c r="C2220" s="12" t="s">
        <v>545</v>
      </c>
    </row>
    <row r="2221" spans="1:3" ht="24">
      <c r="A2221" s="10">
        <v>2219</v>
      </c>
      <c r="B2221" s="10" t="s">
        <v>1080</v>
      </c>
      <c r="C2221" s="12" t="s">
        <v>545</v>
      </c>
    </row>
    <row r="2222" spans="1:3" ht="24">
      <c r="A2222" s="13">
        <v>2220</v>
      </c>
      <c r="B2222" s="10" t="s">
        <v>1081</v>
      </c>
      <c r="C2222" s="12" t="s">
        <v>545</v>
      </c>
    </row>
    <row r="2223" spans="1:3" ht="24">
      <c r="A2223" s="13">
        <v>2221</v>
      </c>
      <c r="B2223" s="10" t="s">
        <v>1082</v>
      </c>
      <c r="C2223" s="12" t="s">
        <v>545</v>
      </c>
    </row>
    <row r="2224" spans="1:3" ht="24">
      <c r="A2224" s="13">
        <v>2222</v>
      </c>
      <c r="B2224" s="10" t="s">
        <v>1083</v>
      </c>
      <c r="C2224" s="12" t="s">
        <v>545</v>
      </c>
    </row>
    <row r="2225" spans="1:3" ht="24">
      <c r="A2225" s="10">
        <v>2223</v>
      </c>
      <c r="B2225" s="10" t="s">
        <v>190</v>
      </c>
      <c r="C2225" s="12" t="s">
        <v>545</v>
      </c>
    </row>
    <row r="2226" spans="1:3" ht="24">
      <c r="A2226" s="13">
        <v>2224</v>
      </c>
      <c r="B2226" s="10" t="s">
        <v>190</v>
      </c>
      <c r="C2226" s="12" t="s">
        <v>545</v>
      </c>
    </row>
    <row r="2227" spans="1:3" ht="24">
      <c r="A2227" s="13">
        <v>2225</v>
      </c>
      <c r="B2227" s="10" t="s">
        <v>190</v>
      </c>
      <c r="C2227" s="12" t="s">
        <v>545</v>
      </c>
    </row>
    <row r="2228" spans="1:3" ht="31.5">
      <c r="A2228" s="13">
        <v>2226</v>
      </c>
      <c r="B2228" s="10" t="s">
        <v>1084</v>
      </c>
      <c r="C2228" s="12" t="s">
        <v>545</v>
      </c>
    </row>
    <row r="2229" spans="1:3" ht="31.5">
      <c r="A2229" s="10">
        <v>2227</v>
      </c>
      <c r="B2229" s="10" t="s">
        <v>1085</v>
      </c>
      <c r="C2229" s="12" t="s">
        <v>545</v>
      </c>
    </row>
    <row r="2230" spans="1:3" ht="24">
      <c r="A2230" s="13">
        <v>2228</v>
      </c>
      <c r="B2230" s="10" t="s">
        <v>1086</v>
      </c>
      <c r="C2230" s="12" t="s">
        <v>545</v>
      </c>
    </row>
    <row r="2231" spans="1:3" ht="24">
      <c r="A2231" s="13">
        <v>2229</v>
      </c>
      <c r="B2231" s="10" t="s">
        <v>1086</v>
      </c>
      <c r="C2231" s="12" t="s">
        <v>545</v>
      </c>
    </row>
    <row r="2232" spans="1:3" ht="24">
      <c r="A2232" s="13">
        <v>2230</v>
      </c>
      <c r="B2232" s="10" t="s">
        <v>1086</v>
      </c>
      <c r="C2232" s="12" t="s">
        <v>545</v>
      </c>
    </row>
    <row r="2233" spans="1:3" ht="24">
      <c r="A2233" s="10">
        <v>2231</v>
      </c>
      <c r="B2233" s="10" t="s">
        <v>1086</v>
      </c>
      <c r="C2233" s="12" t="s">
        <v>545</v>
      </c>
    </row>
    <row r="2234" spans="1:3" ht="24">
      <c r="A2234" s="13">
        <v>2232</v>
      </c>
      <c r="B2234" s="10" t="s">
        <v>1086</v>
      </c>
      <c r="C2234" s="12" t="s">
        <v>545</v>
      </c>
    </row>
    <row r="2235" spans="1:3" ht="24">
      <c r="A2235" s="13">
        <v>2233</v>
      </c>
      <c r="B2235" s="10" t="s">
        <v>1086</v>
      </c>
      <c r="C2235" s="12" t="s">
        <v>545</v>
      </c>
    </row>
    <row r="2236" spans="1:3" ht="24">
      <c r="A2236" s="13">
        <v>2234</v>
      </c>
      <c r="B2236" s="10" t="s">
        <v>1086</v>
      </c>
      <c r="C2236" s="12" t="s">
        <v>545</v>
      </c>
    </row>
    <row r="2237" spans="1:3" ht="24">
      <c r="A2237" s="10">
        <v>2235</v>
      </c>
      <c r="B2237" s="10" t="s">
        <v>1086</v>
      </c>
      <c r="C2237" s="12" t="s">
        <v>545</v>
      </c>
    </row>
    <row r="2238" spans="1:3" ht="24">
      <c r="A2238" s="13">
        <v>2236</v>
      </c>
      <c r="B2238" s="10" t="s">
        <v>1086</v>
      </c>
      <c r="C2238" s="12" t="s">
        <v>545</v>
      </c>
    </row>
    <row r="2239" spans="1:3" ht="24">
      <c r="A2239" s="13">
        <v>2237</v>
      </c>
      <c r="B2239" s="10" t="s">
        <v>1086</v>
      </c>
      <c r="C2239" s="12" t="s">
        <v>545</v>
      </c>
    </row>
    <row r="2240" spans="1:3" ht="24">
      <c r="A2240" s="13">
        <v>2238</v>
      </c>
      <c r="B2240" s="10" t="s">
        <v>1087</v>
      </c>
      <c r="C2240" s="12" t="s">
        <v>545</v>
      </c>
    </row>
    <row r="2241" spans="1:3" ht="24">
      <c r="A2241" s="10">
        <v>2239</v>
      </c>
      <c r="B2241" s="10" t="s">
        <v>1088</v>
      </c>
      <c r="C2241" s="12" t="s">
        <v>545</v>
      </c>
    </row>
    <row r="2242" spans="1:3" ht="24">
      <c r="A2242" s="13">
        <v>2240</v>
      </c>
      <c r="B2242" s="10" t="s">
        <v>1089</v>
      </c>
      <c r="C2242" s="12" t="s">
        <v>545</v>
      </c>
    </row>
    <row r="2243" spans="1:3" ht="24">
      <c r="A2243" s="13">
        <v>2241</v>
      </c>
      <c r="B2243" s="10" t="s">
        <v>1089</v>
      </c>
      <c r="C2243" s="12" t="s">
        <v>545</v>
      </c>
    </row>
    <row r="2244" spans="1:3" ht="24">
      <c r="A2244" s="13">
        <v>2242</v>
      </c>
      <c r="B2244" s="10" t="s">
        <v>1090</v>
      </c>
      <c r="C2244" s="12" t="s">
        <v>545</v>
      </c>
    </row>
    <row r="2245" spans="1:3" ht="24">
      <c r="A2245" s="10">
        <v>2243</v>
      </c>
      <c r="B2245" s="10" t="s">
        <v>1091</v>
      </c>
      <c r="C2245" s="12" t="s">
        <v>545</v>
      </c>
    </row>
    <row r="2246" spans="1:3" ht="24">
      <c r="A2246" s="13">
        <v>2244</v>
      </c>
      <c r="B2246" s="10" t="s">
        <v>1092</v>
      </c>
      <c r="C2246" s="12" t="s">
        <v>545</v>
      </c>
    </row>
    <row r="2247" spans="1:3" ht="24">
      <c r="A2247" s="13">
        <v>2245</v>
      </c>
      <c r="B2247" s="10" t="s">
        <v>1093</v>
      </c>
      <c r="C2247" s="12" t="s">
        <v>545</v>
      </c>
    </row>
    <row r="2248" spans="1:3" ht="24">
      <c r="A2248" s="13">
        <v>2246</v>
      </c>
      <c r="B2248" s="10" t="s">
        <v>1094</v>
      </c>
      <c r="C2248" s="12" t="s">
        <v>545</v>
      </c>
    </row>
    <row r="2249" spans="1:3" ht="24">
      <c r="A2249" s="10">
        <v>2247</v>
      </c>
      <c r="B2249" s="10" t="s">
        <v>1094</v>
      </c>
      <c r="C2249" s="12" t="s">
        <v>545</v>
      </c>
    </row>
    <row r="2250" spans="1:3" ht="24">
      <c r="A2250" s="13">
        <v>2248</v>
      </c>
      <c r="B2250" s="10" t="s">
        <v>1094</v>
      </c>
      <c r="C2250" s="12" t="s">
        <v>545</v>
      </c>
    </row>
    <row r="2251" spans="1:3" ht="24">
      <c r="A2251" s="13">
        <v>2249</v>
      </c>
      <c r="B2251" s="10" t="s">
        <v>1094</v>
      </c>
      <c r="C2251" s="12" t="s">
        <v>545</v>
      </c>
    </row>
    <row r="2252" spans="1:3" ht="24">
      <c r="A2252" s="13">
        <v>2250</v>
      </c>
      <c r="B2252" s="10" t="s">
        <v>1095</v>
      </c>
      <c r="C2252" s="12" t="s">
        <v>545</v>
      </c>
    </row>
    <row r="2253" spans="1:3" ht="24">
      <c r="A2253" s="10">
        <v>2251</v>
      </c>
      <c r="B2253" s="10" t="s">
        <v>1096</v>
      </c>
      <c r="C2253" s="12" t="s">
        <v>545</v>
      </c>
    </row>
    <row r="2254" spans="1:3" ht="24">
      <c r="A2254" s="13">
        <v>2252</v>
      </c>
      <c r="B2254" s="10" t="s">
        <v>1096</v>
      </c>
      <c r="C2254" s="12" t="s">
        <v>545</v>
      </c>
    </row>
    <row r="2255" spans="1:3" ht="24">
      <c r="A2255" s="13">
        <v>2253</v>
      </c>
      <c r="B2255" s="10" t="s">
        <v>1097</v>
      </c>
      <c r="C2255" s="12" t="s">
        <v>545</v>
      </c>
    </row>
    <row r="2256" spans="1:3" ht="24">
      <c r="A2256" s="13">
        <v>2254</v>
      </c>
      <c r="B2256" s="10" t="s">
        <v>1097</v>
      </c>
      <c r="C2256" s="12" t="s">
        <v>545</v>
      </c>
    </row>
    <row r="2257" spans="1:3" ht="24">
      <c r="A2257" s="10">
        <v>2255</v>
      </c>
      <c r="B2257" s="10" t="s">
        <v>1097</v>
      </c>
      <c r="C2257" s="12" t="s">
        <v>545</v>
      </c>
    </row>
    <row r="2258" spans="1:3" ht="24">
      <c r="A2258" s="13">
        <v>2256</v>
      </c>
      <c r="B2258" s="10" t="s">
        <v>1098</v>
      </c>
      <c r="C2258" s="12" t="s">
        <v>545</v>
      </c>
    </row>
    <row r="2259" spans="1:3" ht="24">
      <c r="A2259" s="13">
        <v>2257</v>
      </c>
      <c r="B2259" s="10" t="s">
        <v>1099</v>
      </c>
      <c r="C2259" s="12" t="s">
        <v>545</v>
      </c>
    </row>
    <row r="2260" spans="1:3" ht="24">
      <c r="A2260" s="13">
        <v>2258</v>
      </c>
      <c r="B2260" s="10" t="s">
        <v>1100</v>
      </c>
      <c r="C2260" s="12" t="s">
        <v>545</v>
      </c>
    </row>
    <row r="2261" spans="1:3" ht="24">
      <c r="A2261" s="10">
        <v>2259</v>
      </c>
      <c r="B2261" s="10" t="s">
        <v>1101</v>
      </c>
      <c r="C2261" s="12" t="s">
        <v>545</v>
      </c>
    </row>
    <row r="2262" spans="1:3" ht="24">
      <c r="A2262" s="13">
        <v>2260</v>
      </c>
      <c r="B2262" s="10" t="s">
        <v>1102</v>
      </c>
      <c r="C2262" s="12" t="s">
        <v>545</v>
      </c>
    </row>
    <row r="2263" spans="1:3" ht="24">
      <c r="A2263" s="13">
        <v>2261</v>
      </c>
      <c r="B2263" s="10" t="s">
        <v>1103</v>
      </c>
      <c r="C2263" s="12" t="s">
        <v>545</v>
      </c>
    </row>
    <row r="2264" spans="1:3" ht="24">
      <c r="A2264" s="13">
        <v>2262</v>
      </c>
      <c r="B2264" s="10" t="s">
        <v>1103</v>
      </c>
      <c r="C2264" s="12" t="s">
        <v>545</v>
      </c>
    </row>
    <row r="2265" spans="1:3" ht="24">
      <c r="A2265" s="10">
        <v>2263</v>
      </c>
      <c r="B2265" s="10" t="s">
        <v>1103</v>
      </c>
      <c r="C2265" s="12" t="s">
        <v>545</v>
      </c>
    </row>
    <row r="2266" spans="1:3" ht="24">
      <c r="A2266" s="13">
        <v>2264</v>
      </c>
      <c r="B2266" s="10" t="s">
        <v>1104</v>
      </c>
      <c r="C2266" s="12" t="s">
        <v>545</v>
      </c>
    </row>
    <row r="2267" spans="1:3" ht="24">
      <c r="A2267" s="13">
        <v>2265</v>
      </c>
      <c r="B2267" s="10" t="s">
        <v>1104</v>
      </c>
      <c r="C2267" s="12" t="s">
        <v>545</v>
      </c>
    </row>
    <row r="2268" spans="1:3" ht="31.5">
      <c r="A2268" s="13">
        <v>2266</v>
      </c>
      <c r="B2268" s="10" t="s">
        <v>1105</v>
      </c>
      <c r="C2268" s="12" t="s">
        <v>545</v>
      </c>
    </row>
    <row r="2269" spans="1:3" ht="24">
      <c r="A2269" s="10">
        <v>2267</v>
      </c>
      <c r="B2269" s="10" t="s">
        <v>1046</v>
      </c>
      <c r="C2269" s="12" t="s">
        <v>545</v>
      </c>
    </row>
    <row r="2270" spans="1:3" ht="24">
      <c r="A2270" s="13">
        <v>2268</v>
      </c>
      <c r="B2270" s="10" t="s">
        <v>1106</v>
      </c>
      <c r="C2270" s="12" t="s">
        <v>545</v>
      </c>
    </row>
    <row r="2271" spans="1:3" ht="24">
      <c r="A2271" s="13">
        <v>2269</v>
      </c>
      <c r="B2271" s="10" t="s">
        <v>1106</v>
      </c>
      <c r="C2271" s="12" t="s">
        <v>545</v>
      </c>
    </row>
    <row r="2272" spans="1:3" ht="24">
      <c r="A2272" s="13">
        <v>2270</v>
      </c>
      <c r="B2272" s="10" t="s">
        <v>1106</v>
      </c>
      <c r="C2272" s="12" t="s">
        <v>545</v>
      </c>
    </row>
    <row r="2273" spans="1:3" ht="24">
      <c r="A2273" s="10">
        <v>2271</v>
      </c>
      <c r="B2273" s="10" t="s">
        <v>1107</v>
      </c>
      <c r="C2273" s="12" t="s">
        <v>545</v>
      </c>
    </row>
    <row r="2274" spans="1:3" ht="31.5">
      <c r="A2274" s="13">
        <v>2272</v>
      </c>
      <c r="B2274" s="10" t="s">
        <v>1108</v>
      </c>
      <c r="C2274" s="12" t="s">
        <v>545</v>
      </c>
    </row>
    <row r="2275" spans="1:3" ht="24">
      <c r="A2275" s="13">
        <v>2273</v>
      </c>
      <c r="B2275" s="10" t="s">
        <v>1109</v>
      </c>
      <c r="C2275" s="12" t="s">
        <v>545</v>
      </c>
    </row>
    <row r="2276" spans="1:3" ht="31.5">
      <c r="A2276" s="13">
        <v>2274</v>
      </c>
      <c r="B2276" s="10" t="s">
        <v>1110</v>
      </c>
      <c r="C2276" s="12" t="s">
        <v>545</v>
      </c>
    </row>
    <row r="2277" spans="1:3" ht="24">
      <c r="A2277" s="10">
        <v>2275</v>
      </c>
      <c r="B2277" s="10" t="s">
        <v>1111</v>
      </c>
      <c r="C2277" s="12" t="s">
        <v>545</v>
      </c>
    </row>
    <row r="2278" spans="1:3" ht="24">
      <c r="A2278" s="13">
        <v>2276</v>
      </c>
      <c r="B2278" s="10" t="s">
        <v>1112</v>
      </c>
      <c r="C2278" s="12" t="s">
        <v>545</v>
      </c>
    </row>
    <row r="2279" spans="1:3" ht="24">
      <c r="A2279" s="13">
        <v>2277</v>
      </c>
      <c r="B2279" s="10" t="s">
        <v>1113</v>
      </c>
      <c r="C2279" s="12" t="s">
        <v>545</v>
      </c>
    </row>
    <row r="2280" spans="1:3" ht="24">
      <c r="A2280" s="13">
        <v>2278</v>
      </c>
      <c r="B2280" s="10" t="s">
        <v>1114</v>
      </c>
      <c r="C2280" s="12" t="s">
        <v>545</v>
      </c>
    </row>
    <row r="2281" spans="1:3" ht="24">
      <c r="A2281" s="10">
        <v>2279</v>
      </c>
      <c r="B2281" s="10" t="s">
        <v>1114</v>
      </c>
      <c r="C2281" s="12" t="s">
        <v>545</v>
      </c>
    </row>
    <row r="2282" spans="1:3" ht="31.5">
      <c r="A2282" s="13">
        <v>2280</v>
      </c>
      <c r="B2282" s="10" t="s">
        <v>1115</v>
      </c>
      <c r="C2282" s="12" t="s">
        <v>545</v>
      </c>
    </row>
    <row r="2283" spans="1:3" ht="31.5">
      <c r="A2283" s="13">
        <v>2281</v>
      </c>
      <c r="B2283" s="10" t="s">
        <v>1116</v>
      </c>
      <c r="C2283" s="12" t="s">
        <v>545</v>
      </c>
    </row>
    <row r="2284" spans="1:3" ht="24">
      <c r="A2284" s="13">
        <v>2282</v>
      </c>
      <c r="B2284" s="10" t="s">
        <v>1117</v>
      </c>
      <c r="C2284" s="12" t="s">
        <v>545</v>
      </c>
    </row>
    <row r="2285" spans="1:3" ht="24">
      <c r="A2285" s="10">
        <v>2283</v>
      </c>
      <c r="B2285" s="10" t="s">
        <v>1117</v>
      </c>
      <c r="C2285" s="12" t="s">
        <v>545</v>
      </c>
    </row>
    <row r="2286" spans="1:3" ht="24">
      <c r="A2286" s="13">
        <v>2284</v>
      </c>
      <c r="B2286" s="10" t="s">
        <v>1117</v>
      </c>
      <c r="C2286" s="12" t="s">
        <v>545</v>
      </c>
    </row>
    <row r="2287" spans="1:3" ht="24">
      <c r="A2287" s="13">
        <v>2285</v>
      </c>
      <c r="B2287" s="10" t="s">
        <v>1117</v>
      </c>
      <c r="C2287" s="12" t="s">
        <v>545</v>
      </c>
    </row>
    <row r="2288" spans="1:3" ht="24">
      <c r="A2288" s="13">
        <v>2286</v>
      </c>
      <c r="B2288" s="10" t="s">
        <v>1118</v>
      </c>
      <c r="C2288" s="12" t="s">
        <v>545</v>
      </c>
    </row>
    <row r="2289" spans="1:3" ht="24">
      <c r="A2289" s="10">
        <v>2287</v>
      </c>
      <c r="B2289" s="10" t="s">
        <v>1118</v>
      </c>
      <c r="C2289" s="12" t="s">
        <v>545</v>
      </c>
    </row>
    <row r="2290" spans="1:3" ht="24">
      <c r="A2290" s="13">
        <v>2288</v>
      </c>
      <c r="B2290" s="10" t="s">
        <v>1119</v>
      </c>
      <c r="C2290" s="12" t="s">
        <v>545</v>
      </c>
    </row>
    <row r="2291" spans="1:3" ht="24">
      <c r="A2291" s="13">
        <v>2289</v>
      </c>
      <c r="B2291" s="10" t="s">
        <v>1119</v>
      </c>
      <c r="C2291" s="12" t="s">
        <v>545</v>
      </c>
    </row>
    <row r="2292" spans="1:3" ht="24">
      <c r="A2292" s="13">
        <v>2290</v>
      </c>
      <c r="B2292" s="10" t="s">
        <v>1120</v>
      </c>
      <c r="C2292" s="12" t="s">
        <v>545</v>
      </c>
    </row>
    <row r="2293" spans="1:3" ht="24">
      <c r="A2293" s="10">
        <v>2291</v>
      </c>
      <c r="B2293" s="10" t="s">
        <v>1120</v>
      </c>
      <c r="C2293" s="12" t="s">
        <v>545</v>
      </c>
    </row>
    <row r="2294" spans="1:3" ht="24">
      <c r="A2294" s="13">
        <v>2292</v>
      </c>
      <c r="B2294" s="10" t="s">
        <v>1121</v>
      </c>
      <c r="C2294" s="12" t="s">
        <v>545</v>
      </c>
    </row>
    <row r="2295" spans="1:3" ht="24">
      <c r="A2295" s="13">
        <v>2293</v>
      </c>
      <c r="B2295" s="10" t="s">
        <v>1122</v>
      </c>
      <c r="C2295" s="12" t="s">
        <v>545</v>
      </c>
    </row>
    <row r="2296" spans="1:3" ht="24">
      <c r="A2296" s="13">
        <v>2294</v>
      </c>
      <c r="B2296" s="10" t="s">
        <v>1123</v>
      </c>
      <c r="C2296" s="12" t="s">
        <v>545</v>
      </c>
    </row>
    <row r="2297" spans="1:3" ht="31.5">
      <c r="A2297" s="10">
        <v>2295</v>
      </c>
      <c r="B2297" s="10" t="s">
        <v>1124</v>
      </c>
      <c r="C2297" s="12" t="s">
        <v>545</v>
      </c>
    </row>
    <row r="2298" spans="1:3" ht="31.5">
      <c r="A2298" s="13">
        <v>2296</v>
      </c>
      <c r="B2298" s="10" t="s">
        <v>1125</v>
      </c>
      <c r="C2298" s="12" t="s">
        <v>545</v>
      </c>
    </row>
    <row r="2299" spans="1:3" ht="31.5">
      <c r="A2299" s="13">
        <v>2297</v>
      </c>
      <c r="B2299" s="10" t="s">
        <v>1126</v>
      </c>
      <c r="C2299" s="12" t="s">
        <v>545</v>
      </c>
    </row>
    <row r="2300" spans="1:3" ht="24">
      <c r="A2300" s="13">
        <v>2298</v>
      </c>
      <c r="B2300" s="10" t="s">
        <v>1127</v>
      </c>
      <c r="C2300" s="12" t="s">
        <v>545</v>
      </c>
    </row>
    <row r="2301" spans="1:3" ht="24">
      <c r="A2301" s="10">
        <v>2299</v>
      </c>
      <c r="B2301" s="10" t="s">
        <v>919</v>
      </c>
      <c r="C2301" s="12" t="s">
        <v>545</v>
      </c>
    </row>
    <row r="2302" spans="1:3" ht="24">
      <c r="A2302" s="13">
        <v>2300</v>
      </c>
      <c r="B2302" s="10" t="s">
        <v>919</v>
      </c>
      <c r="C2302" s="12" t="s">
        <v>545</v>
      </c>
    </row>
    <row r="2303" spans="1:3" ht="24">
      <c r="A2303" s="13">
        <v>2301</v>
      </c>
      <c r="B2303" s="10" t="s">
        <v>919</v>
      </c>
      <c r="C2303" s="12" t="s">
        <v>545</v>
      </c>
    </row>
    <row r="2304" spans="1:3" ht="24">
      <c r="A2304" s="13">
        <v>2302</v>
      </c>
      <c r="B2304" s="10" t="s">
        <v>919</v>
      </c>
      <c r="C2304" s="12" t="s">
        <v>545</v>
      </c>
    </row>
    <row r="2305" spans="1:3" ht="24">
      <c r="A2305" s="10">
        <v>2303</v>
      </c>
      <c r="B2305" s="10" t="s">
        <v>919</v>
      </c>
      <c r="C2305" s="12" t="s">
        <v>545</v>
      </c>
    </row>
    <row r="2306" spans="1:3" ht="24">
      <c r="A2306" s="13">
        <v>2304</v>
      </c>
      <c r="B2306" s="10" t="s">
        <v>919</v>
      </c>
      <c r="C2306" s="12" t="s">
        <v>545</v>
      </c>
    </row>
    <row r="2307" spans="1:3" ht="24">
      <c r="A2307" s="13">
        <v>2305</v>
      </c>
      <c r="B2307" s="10" t="s">
        <v>919</v>
      </c>
      <c r="C2307" s="12" t="s">
        <v>545</v>
      </c>
    </row>
    <row r="2308" spans="1:3" ht="24">
      <c r="A2308" s="13">
        <v>2306</v>
      </c>
      <c r="B2308" s="10" t="s">
        <v>919</v>
      </c>
      <c r="C2308" s="12" t="s">
        <v>545</v>
      </c>
    </row>
    <row r="2309" spans="1:3" ht="24">
      <c r="A2309" s="10">
        <v>2307</v>
      </c>
      <c r="B2309" s="10" t="s">
        <v>1128</v>
      </c>
      <c r="C2309" s="12" t="s">
        <v>545</v>
      </c>
    </row>
    <row r="2310" spans="1:3" ht="24">
      <c r="A2310" s="13">
        <v>2308</v>
      </c>
      <c r="B2310" s="10" t="s">
        <v>1128</v>
      </c>
      <c r="C2310" s="12" t="s">
        <v>545</v>
      </c>
    </row>
    <row r="2311" spans="1:3" ht="24">
      <c r="A2311" s="13">
        <v>2309</v>
      </c>
      <c r="B2311" s="10" t="s">
        <v>1128</v>
      </c>
      <c r="C2311" s="12" t="s">
        <v>545</v>
      </c>
    </row>
    <row r="2312" spans="1:3" ht="24">
      <c r="A2312" s="13">
        <v>2310</v>
      </c>
      <c r="B2312" s="10" t="s">
        <v>1129</v>
      </c>
      <c r="C2312" s="12" t="s">
        <v>545</v>
      </c>
    </row>
    <row r="2313" spans="1:3" ht="24">
      <c r="A2313" s="10">
        <v>2311</v>
      </c>
      <c r="B2313" s="10" t="s">
        <v>1129</v>
      </c>
      <c r="C2313" s="12" t="s">
        <v>545</v>
      </c>
    </row>
    <row r="2314" spans="1:3" ht="24">
      <c r="A2314" s="13">
        <v>2312</v>
      </c>
      <c r="B2314" s="10" t="s">
        <v>924</v>
      </c>
      <c r="C2314" s="12" t="s">
        <v>545</v>
      </c>
    </row>
    <row r="2315" spans="1:3" ht="24">
      <c r="A2315" s="13">
        <v>2313</v>
      </c>
      <c r="B2315" s="10" t="s">
        <v>924</v>
      </c>
      <c r="C2315" s="12" t="s">
        <v>545</v>
      </c>
    </row>
    <row r="2316" spans="1:3" ht="24">
      <c r="A2316" s="13">
        <v>2314</v>
      </c>
      <c r="B2316" s="10" t="s">
        <v>924</v>
      </c>
      <c r="C2316" s="12" t="s">
        <v>545</v>
      </c>
    </row>
    <row r="2317" spans="1:3" ht="24">
      <c r="A2317" s="10">
        <v>2315</v>
      </c>
      <c r="B2317" s="10" t="s">
        <v>924</v>
      </c>
      <c r="C2317" s="12" t="s">
        <v>545</v>
      </c>
    </row>
    <row r="2318" spans="1:3" ht="24">
      <c r="A2318" s="13">
        <v>2316</v>
      </c>
      <c r="B2318" s="10" t="s">
        <v>924</v>
      </c>
      <c r="C2318" s="12" t="s">
        <v>545</v>
      </c>
    </row>
    <row r="2319" spans="1:3" ht="24">
      <c r="A2319" s="13">
        <v>2317</v>
      </c>
      <c r="B2319" s="10" t="s">
        <v>924</v>
      </c>
      <c r="C2319" s="12" t="s">
        <v>545</v>
      </c>
    </row>
    <row r="2320" spans="1:3" ht="24">
      <c r="A2320" s="13">
        <v>2318</v>
      </c>
      <c r="B2320" s="10" t="s">
        <v>924</v>
      </c>
      <c r="C2320" s="12" t="s">
        <v>545</v>
      </c>
    </row>
    <row r="2321" spans="1:3" ht="24">
      <c r="A2321" s="10">
        <v>2319</v>
      </c>
      <c r="B2321" s="10" t="s">
        <v>924</v>
      </c>
      <c r="C2321" s="12" t="s">
        <v>545</v>
      </c>
    </row>
    <row r="2322" spans="1:3" ht="24">
      <c r="A2322" s="13">
        <v>2320</v>
      </c>
      <c r="B2322" s="10" t="s">
        <v>476</v>
      </c>
      <c r="C2322" s="12" t="s">
        <v>545</v>
      </c>
    </row>
    <row r="2323" spans="1:3" ht="24">
      <c r="A2323" s="13">
        <v>2321</v>
      </c>
      <c r="B2323" s="10" t="s">
        <v>476</v>
      </c>
      <c r="C2323" s="12" t="s">
        <v>545</v>
      </c>
    </row>
    <row r="2324" spans="1:3" ht="24">
      <c r="A2324" s="13">
        <v>2322</v>
      </c>
      <c r="B2324" s="10" t="s">
        <v>476</v>
      </c>
      <c r="C2324" s="12" t="s">
        <v>545</v>
      </c>
    </row>
    <row r="2325" spans="1:3" ht="24">
      <c r="A2325" s="10">
        <v>2323</v>
      </c>
      <c r="B2325" s="10" t="s">
        <v>1130</v>
      </c>
      <c r="C2325" s="12" t="s">
        <v>545</v>
      </c>
    </row>
    <row r="2326" spans="1:3" ht="24">
      <c r="A2326" s="13">
        <v>2324</v>
      </c>
      <c r="B2326" s="10" t="s">
        <v>1130</v>
      </c>
      <c r="C2326" s="12" t="s">
        <v>545</v>
      </c>
    </row>
    <row r="2327" spans="1:3" ht="24">
      <c r="A2327" s="13">
        <v>2325</v>
      </c>
      <c r="B2327" s="10" t="s">
        <v>1130</v>
      </c>
      <c r="C2327" s="12" t="s">
        <v>545</v>
      </c>
    </row>
    <row r="2328" spans="1:3" ht="24">
      <c r="A2328" s="13">
        <v>2326</v>
      </c>
      <c r="B2328" s="10" t="s">
        <v>1131</v>
      </c>
      <c r="C2328" s="12" t="s">
        <v>545</v>
      </c>
    </row>
    <row r="2329" spans="1:3" ht="24">
      <c r="A2329" s="10">
        <v>2327</v>
      </c>
      <c r="B2329" s="10" t="s">
        <v>924</v>
      </c>
      <c r="C2329" s="12" t="s">
        <v>545</v>
      </c>
    </row>
    <row r="2330" spans="1:3" ht="24">
      <c r="A2330" s="13">
        <v>2328</v>
      </c>
      <c r="B2330" s="10" t="s">
        <v>924</v>
      </c>
      <c r="C2330" s="12" t="s">
        <v>545</v>
      </c>
    </row>
    <row r="2331" spans="1:3" ht="24">
      <c r="A2331" s="13">
        <v>2329</v>
      </c>
      <c r="B2331" s="10" t="s">
        <v>924</v>
      </c>
      <c r="C2331" s="12" t="s">
        <v>545</v>
      </c>
    </row>
    <row r="2332" spans="1:3" ht="24">
      <c r="A2332" s="13">
        <v>2330</v>
      </c>
      <c r="B2332" s="10" t="s">
        <v>1132</v>
      </c>
      <c r="C2332" s="12" t="s">
        <v>545</v>
      </c>
    </row>
    <row r="2333" spans="1:3" ht="24">
      <c r="A2333" s="10">
        <v>2331</v>
      </c>
      <c r="B2333" s="10" t="s">
        <v>1133</v>
      </c>
      <c r="C2333" s="12" t="s">
        <v>545</v>
      </c>
    </row>
    <row r="2334" spans="1:3" ht="24">
      <c r="A2334" s="13">
        <v>2332</v>
      </c>
      <c r="B2334" s="10" t="s">
        <v>1134</v>
      </c>
      <c r="C2334" s="12" t="s">
        <v>545</v>
      </c>
    </row>
    <row r="2335" spans="1:3" ht="24">
      <c r="A2335" s="13">
        <v>2333</v>
      </c>
      <c r="B2335" s="10" t="s">
        <v>1135</v>
      </c>
      <c r="C2335" s="12" t="s">
        <v>545</v>
      </c>
    </row>
    <row r="2336" spans="1:3" ht="24">
      <c r="A2336" s="13">
        <v>2334</v>
      </c>
      <c r="B2336" s="10" t="s">
        <v>1136</v>
      </c>
      <c r="C2336" s="12" t="s">
        <v>545</v>
      </c>
    </row>
    <row r="2337" spans="1:3" ht="24">
      <c r="A2337" s="10">
        <v>2335</v>
      </c>
      <c r="B2337" s="10" t="s">
        <v>1137</v>
      </c>
      <c r="C2337" s="12" t="s">
        <v>545</v>
      </c>
    </row>
    <row r="2338" spans="1:3" ht="24">
      <c r="A2338" s="13">
        <v>2336</v>
      </c>
      <c r="B2338" s="10" t="s">
        <v>1138</v>
      </c>
      <c r="C2338" s="12" t="s">
        <v>545</v>
      </c>
    </row>
    <row r="2339" spans="1:3" ht="24">
      <c r="A2339" s="13">
        <v>2337</v>
      </c>
      <c r="B2339" s="10" t="s">
        <v>1139</v>
      </c>
      <c r="C2339" s="12" t="s">
        <v>545</v>
      </c>
    </row>
    <row r="2340" spans="1:3" ht="24">
      <c r="A2340" s="13">
        <v>2338</v>
      </c>
      <c r="B2340" s="10" t="s">
        <v>1139</v>
      </c>
      <c r="C2340" s="12" t="s">
        <v>545</v>
      </c>
    </row>
    <row r="2341" spans="1:3" ht="24">
      <c r="A2341" s="10">
        <v>2339</v>
      </c>
      <c r="B2341" s="10" t="s">
        <v>1140</v>
      </c>
      <c r="C2341" s="12" t="s">
        <v>545</v>
      </c>
    </row>
    <row r="2342" spans="1:3" ht="31.5">
      <c r="A2342" s="13">
        <v>2340</v>
      </c>
      <c r="B2342" s="10" t="s">
        <v>1141</v>
      </c>
      <c r="C2342" s="12" t="s">
        <v>545</v>
      </c>
    </row>
    <row r="2343" spans="1:3" ht="24">
      <c r="A2343" s="13">
        <v>2341</v>
      </c>
      <c r="B2343" s="10" t="s">
        <v>1142</v>
      </c>
      <c r="C2343" s="12" t="s">
        <v>545</v>
      </c>
    </row>
    <row r="2344" spans="1:3" ht="24">
      <c r="A2344" s="13">
        <v>2342</v>
      </c>
      <c r="B2344" s="10" t="s">
        <v>1143</v>
      </c>
      <c r="C2344" s="12" t="s">
        <v>545</v>
      </c>
    </row>
    <row r="2345" spans="1:3" ht="24">
      <c r="A2345" s="10">
        <v>2343</v>
      </c>
      <c r="B2345" s="10" t="s">
        <v>1144</v>
      </c>
      <c r="C2345" s="12" t="s">
        <v>545</v>
      </c>
    </row>
    <row r="2346" spans="1:3" ht="24">
      <c r="A2346" s="13">
        <v>2344</v>
      </c>
      <c r="B2346" s="10" t="s">
        <v>1145</v>
      </c>
      <c r="C2346" s="12" t="s">
        <v>545</v>
      </c>
    </row>
    <row r="2347" spans="1:3" ht="24">
      <c r="A2347" s="13">
        <v>2345</v>
      </c>
      <c r="B2347" s="10" t="s">
        <v>1146</v>
      </c>
      <c r="C2347" s="12" t="s">
        <v>545</v>
      </c>
    </row>
    <row r="2348" spans="1:3" ht="24">
      <c r="A2348" s="13">
        <v>2346</v>
      </c>
      <c r="B2348" s="10" t="s">
        <v>1147</v>
      </c>
      <c r="C2348" s="12" t="s">
        <v>545</v>
      </c>
    </row>
    <row r="2349" spans="1:3" ht="24">
      <c r="A2349" s="10">
        <v>2347</v>
      </c>
      <c r="B2349" s="10" t="s">
        <v>1148</v>
      </c>
      <c r="C2349" s="12" t="s">
        <v>545</v>
      </c>
    </row>
    <row r="2350" spans="1:3" ht="24">
      <c r="A2350" s="13">
        <v>2348</v>
      </c>
      <c r="B2350" s="10" t="s">
        <v>1149</v>
      </c>
      <c r="C2350" s="12" t="s">
        <v>545</v>
      </c>
    </row>
    <row r="2351" spans="1:3" ht="24">
      <c r="A2351" s="13">
        <v>2349</v>
      </c>
      <c r="B2351" s="10" t="s">
        <v>1150</v>
      </c>
      <c r="C2351" s="12" t="s">
        <v>545</v>
      </c>
    </row>
    <row r="2352" spans="1:3" ht="24">
      <c r="A2352" s="13">
        <v>2350</v>
      </c>
      <c r="B2352" s="10" t="s">
        <v>321</v>
      </c>
      <c r="C2352" s="12" t="s">
        <v>545</v>
      </c>
    </row>
    <row r="2353" spans="1:3" ht="24">
      <c r="A2353" s="10">
        <v>2351</v>
      </c>
      <c r="B2353" s="10" t="s">
        <v>1151</v>
      </c>
      <c r="C2353" s="12" t="s">
        <v>545</v>
      </c>
    </row>
    <row r="2354" spans="1:3" ht="24">
      <c r="A2354" s="13">
        <v>2352</v>
      </c>
      <c r="B2354" s="10" t="s">
        <v>1152</v>
      </c>
      <c r="C2354" s="12" t="s">
        <v>545</v>
      </c>
    </row>
    <row r="2355" spans="1:3" ht="24">
      <c r="A2355" s="13">
        <v>2353</v>
      </c>
      <c r="B2355" s="10" t="s">
        <v>1152</v>
      </c>
      <c r="C2355" s="12" t="s">
        <v>545</v>
      </c>
    </row>
    <row r="2356" spans="1:3" ht="24">
      <c r="A2356" s="13">
        <v>2354</v>
      </c>
      <c r="B2356" s="10" t="s">
        <v>1153</v>
      </c>
      <c r="C2356" s="12" t="s">
        <v>545</v>
      </c>
    </row>
    <row r="2357" spans="1:3" ht="24">
      <c r="A2357" s="10">
        <v>2355</v>
      </c>
      <c r="B2357" s="10" t="s">
        <v>1154</v>
      </c>
      <c r="C2357" s="12" t="s">
        <v>545</v>
      </c>
    </row>
    <row r="2358" spans="1:3" ht="24">
      <c r="A2358" s="13">
        <v>2356</v>
      </c>
      <c r="B2358" s="10" t="s">
        <v>1155</v>
      </c>
      <c r="C2358" s="12" t="s">
        <v>545</v>
      </c>
    </row>
    <row r="2359" spans="1:3" ht="24">
      <c r="A2359" s="13">
        <v>2357</v>
      </c>
      <c r="B2359" s="10" t="s">
        <v>385</v>
      </c>
      <c r="C2359" s="12" t="s">
        <v>545</v>
      </c>
    </row>
    <row r="2360" spans="1:3" ht="24">
      <c r="A2360" s="13">
        <v>2358</v>
      </c>
      <c r="B2360" s="10" t="s">
        <v>1156</v>
      </c>
      <c r="C2360" s="12" t="s">
        <v>545</v>
      </c>
    </row>
    <row r="2361" spans="1:3" ht="24">
      <c r="A2361" s="10">
        <v>2359</v>
      </c>
      <c r="B2361" s="10" t="s">
        <v>1156</v>
      </c>
      <c r="C2361" s="12" t="s">
        <v>545</v>
      </c>
    </row>
    <row r="2362" spans="1:3" ht="31.5">
      <c r="A2362" s="13">
        <v>2360</v>
      </c>
      <c r="B2362" s="10" t="s">
        <v>1157</v>
      </c>
      <c r="C2362" s="12" t="s">
        <v>545</v>
      </c>
    </row>
    <row r="2363" spans="1:3" ht="31.5">
      <c r="A2363" s="13">
        <v>2361</v>
      </c>
      <c r="B2363" s="10" t="s">
        <v>1157</v>
      </c>
      <c r="C2363" s="12" t="s">
        <v>545</v>
      </c>
    </row>
    <row r="2364" spans="1:3" ht="31.5">
      <c r="A2364" s="13">
        <v>2362</v>
      </c>
      <c r="B2364" s="10" t="s">
        <v>1157</v>
      </c>
      <c r="C2364" s="12" t="s">
        <v>545</v>
      </c>
    </row>
    <row r="2365" spans="1:3" ht="31.5">
      <c r="A2365" s="10">
        <v>2363</v>
      </c>
      <c r="B2365" s="10" t="s">
        <v>1157</v>
      </c>
      <c r="C2365" s="12" t="s">
        <v>545</v>
      </c>
    </row>
    <row r="2366" spans="1:3" ht="31.5">
      <c r="A2366" s="13">
        <v>2364</v>
      </c>
      <c r="B2366" s="10" t="s">
        <v>1157</v>
      </c>
      <c r="C2366" s="12" t="s">
        <v>545</v>
      </c>
    </row>
    <row r="2367" spans="1:3" ht="24">
      <c r="A2367" s="13">
        <v>2365</v>
      </c>
      <c r="B2367" s="10" t="s">
        <v>1158</v>
      </c>
      <c r="C2367" s="12" t="s">
        <v>545</v>
      </c>
    </row>
    <row r="2368" spans="1:3" ht="24">
      <c r="A2368" s="13">
        <v>2366</v>
      </c>
      <c r="B2368" s="10" t="s">
        <v>1158</v>
      </c>
      <c r="C2368" s="12" t="s">
        <v>545</v>
      </c>
    </row>
    <row r="2369" spans="1:3" ht="24">
      <c r="A2369" s="10">
        <v>2367</v>
      </c>
      <c r="B2369" s="10" t="s">
        <v>1159</v>
      </c>
      <c r="C2369" s="12" t="s">
        <v>545</v>
      </c>
    </row>
    <row r="2370" spans="1:3" ht="24">
      <c r="A2370" s="13">
        <v>2368</v>
      </c>
      <c r="B2370" s="10" t="s">
        <v>1160</v>
      </c>
      <c r="C2370" s="12" t="s">
        <v>545</v>
      </c>
    </row>
    <row r="2371" spans="1:3" ht="24">
      <c r="A2371" s="13">
        <v>2369</v>
      </c>
      <c r="B2371" s="10" t="s">
        <v>1161</v>
      </c>
      <c r="C2371" s="12" t="s">
        <v>545</v>
      </c>
    </row>
    <row r="2372" spans="1:3" ht="24">
      <c r="A2372" s="13">
        <v>2370</v>
      </c>
      <c r="B2372" s="10" t="s">
        <v>1162</v>
      </c>
      <c r="C2372" s="12" t="s">
        <v>545</v>
      </c>
    </row>
    <row r="2373" spans="1:3" ht="24">
      <c r="A2373" s="10">
        <v>2371</v>
      </c>
      <c r="B2373" s="10" t="s">
        <v>1163</v>
      </c>
      <c r="C2373" s="12" t="s">
        <v>545</v>
      </c>
    </row>
    <row r="2374" spans="1:3" ht="24">
      <c r="A2374" s="13">
        <v>2372</v>
      </c>
      <c r="B2374" s="10" t="s">
        <v>1164</v>
      </c>
      <c r="C2374" s="12" t="s">
        <v>545</v>
      </c>
    </row>
    <row r="2375" spans="1:3" ht="24">
      <c r="A2375" s="13">
        <v>2373</v>
      </c>
      <c r="B2375" s="10" t="s">
        <v>1165</v>
      </c>
      <c r="C2375" s="12" t="s">
        <v>545</v>
      </c>
    </row>
    <row r="2376" spans="1:3" ht="31.5">
      <c r="A2376" s="13">
        <v>2374</v>
      </c>
      <c r="B2376" s="10" t="s">
        <v>1166</v>
      </c>
      <c r="C2376" s="12" t="s">
        <v>545</v>
      </c>
    </row>
    <row r="2377" spans="1:3" ht="24">
      <c r="A2377" s="10">
        <v>2375</v>
      </c>
      <c r="B2377" s="10" t="s">
        <v>1167</v>
      </c>
      <c r="C2377" s="12" t="s">
        <v>545</v>
      </c>
    </row>
    <row r="2378" spans="1:3" ht="24">
      <c r="A2378" s="13">
        <v>2376</v>
      </c>
      <c r="B2378" s="10" t="s">
        <v>1168</v>
      </c>
      <c r="C2378" s="12" t="s">
        <v>545</v>
      </c>
    </row>
    <row r="2379" spans="1:3" ht="24">
      <c r="A2379" s="13">
        <v>2377</v>
      </c>
      <c r="B2379" s="10" t="s">
        <v>1169</v>
      </c>
      <c r="C2379" s="12" t="s">
        <v>545</v>
      </c>
    </row>
    <row r="2380" spans="1:3" ht="24">
      <c r="A2380" s="13">
        <v>2378</v>
      </c>
      <c r="B2380" s="10" t="s">
        <v>1170</v>
      </c>
      <c r="C2380" s="12" t="s">
        <v>545</v>
      </c>
    </row>
    <row r="2381" spans="1:3" ht="24">
      <c r="A2381" s="10">
        <v>2379</v>
      </c>
      <c r="B2381" s="10" t="s">
        <v>1171</v>
      </c>
      <c r="C2381" s="12" t="s">
        <v>545</v>
      </c>
    </row>
    <row r="2382" spans="1:3" ht="31.5">
      <c r="A2382" s="13">
        <v>2380</v>
      </c>
      <c r="B2382" s="10" t="s">
        <v>1172</v>
      </c>
      <c r="C2382" s="12" t="s">
        <v>545</v>
      </c>
    </row>
    <row r="2383" spans="1:3" ht="31.5">
      <c r="A2383" s="13">
        <v>2381</v>
      </c>
      <c r="B2383" s="10" t="s">
        <v>1173</v>
      </c>
      <c r="C2383" s="12" t="s">
        <v>545</v>
      </c>
    </row>
    <row r="2384" spans="1:3" ht="31.5">
      <c r="A2384" s="13">
        <v>2382</v>
      </c>
      <c r="B2384" s="10" t="s">
        <v>1173</v>
      </c>
      <c r="C2384" s="12" t="s">
        <v>545</v>
      </c>
    </row>
    <row r="2385" spans="1:3" ht="31.5">
      <c r="A2385" s="10">
        <v>2383</v>
      </c>
      <c r="B2385" s="10" t="s">
        <v>1173</v>
      </c>
      <c r="C2385" s="12" t="s">
        <v>545</v>
      </c>
    </row>
    <row r="2386" spans="1:3" ht="31.5">
      <c r="A2386" s="13">
        <v>2384</v>
      </c>
      <c r="B2386" s="10" t="s">
        <v>1173</v>
      </c>
      <c r="C2386" s="12" t="s">
        <v>545</v>
      </c>
    </row>
    <row r="2387" spans="1:3" ht="31.5">
      <c r="A2387" s="13">
        <v>2385</v>
      </c>
      <c r="B2387" s="10" t="s">
        <v>1173</v>
      </c>
      <c r="C2387" s="12" t="s">
        <v>545</v>
      </c>
    </row>
    <row r="2388" spans="1:3" ht="31.5">
      <c r="A2388" s="13">
        <v>2386</v>
      </c>
      <c r="B2388" s="10" t="s">
        <v>1173</v>
      </c>
      <c r="C2388" s="12" t="s">
        <v>545</v>
      </c>
    </row>
    <row r="2389" spans="1:3" ht="31.5">
      <c r="A2389" s="10">
        <v>2387</v>
      </c>
      <c r="B2389" s="10" t="s">
        <v>1173</v>
      </c>
      <c r="C2389" s="12" t="s">
        <v>545</v>
      </c>
    </row>
    <row r="2390" spans="1:3" ht="31.5">
      <c r="A2390" s="13">
        <v>2388</v>
      </c>
      <c r="B2390" s="10" t="s">
        <v>1173</v>
      </c>
      <c r="C2390" s="12" t="s">
        <v>545</v>
      </c>
    </row>
    <row r="2391" spans="1:3" ht="31.5">
      <c r="A2391" s="13">
        <v>2389</v>
      </c>
      <c r="B2391" s="10" t="s">
        <v>1173</v>
      </c>
      <c r="C2391" s="12" t="s">
        <v>545</v>
      </c>
    </row>
    <row r="2392" spans="1:3" ht="31.5">
      <c r="A2392" s="13">
        <v>2390</v>
      </c>
      <c r="B2392" s="10" t="s">
        <v>1173</v>
      </c>
      <c r="C2392" s="12" t="s">
        <v>545</v>
      </c>
    </row>
    <row r="2393" spans="1:3" ht="31.5">
      <c r="A2393" s="10">
        <v>2391</v>
      </c>
      <c r="B2393" s="10" t="s">
        <v>1173</v>
      </c>
      <c r="C2393" s="12" t="s">
        <v>545</v>
      </c>
    </row>
    <row r="2394" spans="1:3" ht="31.5">
      <c r="A2394" s="13">
        <v>2392</v>
      </c>
      <c r="B2394" s="10" t="s">
        <v>1173</v>
      </c>
      <c r="C2394" s="12" t="s">
        <v>545</v>
      </c>
    </row>
    <row r="2395" spans="1:3" ht="31.5">
      <c r="A2395" s="13">
        <v>2393</v>
      </c>
      <c r="B2395" s="10" t="s">
        <v>1173</v>
      </c>
      <c r="C2395" s="12" t="s">
        <v>545</v>
      </c>
    </row>
    <row r="2396" spans="1:3" ht="31.5">
      <c r="A2396" s="13">
        <v>2394</v>
      </c>
      <c r="B2396" s="10" t="s">
        <v>1173</v>
      </c>
      <c r="C2396" s="12" t="s">
        <v>545</v>
      </c>
    </row>
    <row r="2397" spans="1:3" ht="31.5">
      <c r="A2397" s="10">
        <v>2395</v>
      </c>
      <c r="B2397" s="10" t="s">
        <v>1173</v>
      </c>
      <c r="C2397" s="12" t="s">
        <v>545</v>
      </c>
    </row>
    <row r="2398" spans="1:3" ht="31.5">
      <c r="A2398" s="13">
        <v>2396</v>
      </c>
      <c r="B2398" s="10" t="s">
        <v>1173</v>
      </c>
      <c r="C2398" s="12" t="s">
        <v>545</v>
      </c>
    </row>
    <row r="2399" spans="1:3" ht="31.5">
      <c r="A2399" s="13">
        <v>2397</v>
      </c>
      <c r="B2399" s="10" t="s">
        <v>1173</v>
      </c>
      <c r="C2399" s="12" t="s">
        <v>545</v>
      </c>
    </row>
    <row r="2400" spans="1:3" ht="31.5">
      <c r="A2400" s="13">
        <v>2398</v>
      </c>
      <c r="B2400" s="10" t="s">
        <v>1173</v>
      </c>
      <c r="C2400" s="12" t="s">
        <v>545</v>
      </c>
    </row>
    <row r="2401" spans="1:3" ht="31.5">
      <c r="A2401" s="10">
        <v>2399</v>
      </c>
      <c r="B2401" s="10" t="s">
        <v>1173</v>
      </c>
      <c r="C2401" s="12" t="s">
        <v>545</v>
      </c>
    </row>
    <row r="2402" spans="1:3" ht="31.5">
      <c r="A2402" s="13">
        <v>2400</v>
      </c>
      <c r="B2402" s="10" t="s">
        <v>1173</v>
      </c>
      <c r="C2402" s="12" t="s">
        <v>545</v>
      </c>
    </row>
    <row r="2403" spans="1:3" ht="31.5">
      <c r="A2403" s="13">
        <v>2401</v>
      </c>
      <c r="B2403" s="10" t="s">
        <v>1173</v>
      </c>
      <c r="C2403" s="12" t="s">
        <v>545</v>
      </c>
    </row>
    <row r="2404" spans="1:3" ht="31.5">
      <c r="A2404" s="13">
        <v>2402</v>
      </c>
      <c r="B2404" s="10" t="s">
        <v>1173</v>
      </c>
      <c r="C2404" s="12" t="s">
        <v>545</v>
      </c>
    </row>
    <row r="2405" spans="1:3" ht="31.5">
      <c r="A2405" s="10">
        <v>2403</v>
      </c>
      <c r="B2405" s="10" t="s">
        <v>1173</v>
      </c>
      <c r="C2405" s="12" t="s">
        <v>545</v>
      </c>
    </row>
    <row r="2406" spans="1:3" ht="31.5">
      <c r="A2406" s="13">
        <v>2404</v>
      </c>
      <c r="B2406" s="10" t="s">
        <v>1173</v>
      </c>
      <c r="C2406" s="12" t="s">
        <v>545</v>
      </c>
    </row>
    <row r="2407" spans="1:3" ht="31.5">
      <c r="A2407" s="13">
        <v>2405</v>
      </c>
      <c r="B2407" s="10" t="s">
        <v>1173</v>
      </c>
      <c r="C2407" s="12" t="s">
        <v>545</v>
      </c>
    </row>
    <row r="2408" spans="1:3" ht="31.5">
      <c r="A2408" s="13">
        <v>2406</v>
      </c>
      <c r="B2408" s="10" t="s">
        <v>1173</v>
      </c>
      <c r="C2408" s="12" t="s">
        <v>545</v>
      </c>
    </row>
    <row r="2409" spans="1:3" ht="31.5">
      <c r="A2409" s="10">
        <v>2407</v>
      </c>
      <c r="B2409" s="10" t="s">
        <v>1173</v>
      </c>
      <c r="C2409" s="12" t="s">
        <v>545</v>
      </c>
    </row>
    <row r="2410" spans="1:3" ht="31.5">
      <c r="A2410" s="13">
        <v>2408</v>
      </c>
      <c r="B2410" s="10" t="s">
        <v>1173</v>
      </c>
      <c r="C2410" s="12" t="s">
        <v>545</v>
      </c>
    </row>
    <row r="2411" spans="1:3" ht="31.5">
      <c r="A2411" s="13">
        <v>2409</v>
      </c>
      <c r="B2411" s="10" t="s">
        <v>1173</v>
      </c>
      <c r="C2411" s="12" t="s">
        <v>545</v>
      </c>
    </row>
    <row r="2412" spans="1:3" ht="31.5">
      <c r="A2412" s="13">
        <v>2410</v>
      </c>
      <c r="B2412" s="10" t="s">
        <v>1173</v>
      </c>
      <c r="C2412" s="12" t="s">
        <v>545</v>
      </c>
    </row>
    <row r="2413" spans="1:3" ht="31.5">
      <c r="A2413" s="10">
        <v>2411</v>
      </c>
      <c r="B2413" s="10" t="s">
        <v>1173</v>
      </c>
      <c r="C2413" s="12" t="s">
        <v>545</v>
      </c>
    </row>
    <row r="2414" spans="1:3" ht="31.5">
      <c r="A2414" s="13">
        <v>2412</v>
      </c>
      <c r="B2414" s="10" t="s">
        <v>1173</v>
      </c>
      <c r="C2414" s="12" t="s">
        <v>545</v>
      </c>
    </row>
    <row r="2415" spans="1:3" ht="24">
      <c r="A2415" s="13">
        <v>2413</v>
      </c>
      <c r="B2415" s="10" t="s">
        <v>1174</v>
      </c>
      <c r="C2415" s="12" t="s">
        <v>545</v>
      </c>
    </row>
    <row r="2416" spans="1:3" ht="24">
      <c r="A2416" s="13">
        <v>2414</v>
      </c>
      <c r="B2416" s="10" t="s">
        <v>1174</v>
      </c>
      <c r="C2416" s="12" t="s">
        <v>545</v>
      </c>
    </row>
    <row r="2417" spans="1:3" ht="24">
      <c r="A2417" s="10">
        <v>2415</v>
      </c>
      <c r="B2417" s="10" t="s">
        <v>1174</v>
      </c>
      <c r="C2417" s="12" t="s">
        <v>545</v>
      </c>
    </row>
    <row r="2418" spans="1:3" ht="24">
      <c r="A2418" s="13">
        <v>2416</v>
      </c>
      <c r="B2418" s="10" t="s">
        <v>1174</v>
      </c>
      <c r="C2418" s="12" t="s">
        <v>545</v>
      </c>
    </row>
    <row r="2419" spans="1:3" ht="24">
      <c r="A2419" s="13">
        <v>2417</v>
      </c>
      <c r="B2419" s="10" t="s">
        <v>1174</v>
      </c>
      <c r="C2419" s="12" t="s">
        <v>545</v>
      </c>
    </row>
    <row r="2420" spans="1:3" ht="24">
      <c r="A2420" s="13">
        <v>2418</v>
      </c>
      <c r="B2420" s="10" t="s">
        <v>1175</v>
      </c>
      <c r="C2420" s="12" t="s">
        <v>545</v>
      </c>
    </row>
    <row r="2421" spans="1:3" ht="24">
      <c r="A2421" s="10">
        <v>2419</v>
      </c>
      <c r="B2421" s="10" t="s">
        <v>1175</v>
      </c>
      <c r="C2421" s="12" t="s">
        <v>545</v>
      </c>
    </row>
    <row r="2422" spans="1:3" ht="24">
      <c r="A2422" s="13">
        <v>2420</v>
      </c>
      <c r="B2422" s="10" t="s">
        <v>1175</v>
      </c>
      <c r="C2422" s="12" t="s">
        <v>545</v>
      </c>
    </row>
    <row r="2423" spans="1:3" ht="24">
      <c r="A2423" s="13">
        <v>2421</v>
      </c>
      <c r="B2423" s="10" t="s">
        <v>1175</v>
      </c>
      <c r="C2423" s="12" t="s">
        <v>545</v>
      </c>
    </row>
    <row r="2424" spans="1:3" ht="24">
      <c r="A2424" s="13">
        <v>2422</v>
      </c>
      <c r="B2424" s="10" t="s">
        <v>1175</v>
      </c>
      <c r="C2424" s="12" t="s">
        <v>545</v>
      </c>
    </row>
    <row r="2425" spans="1:3" ht="24">
      <c r="A2425" s="10">
        <v>2423</v>
      </c>
      <c r="B2425" s="10" t="s">
        <v>1175</v>
      </c>
      <c r="C2425" s="12" t="s">
        <v>545</v>
      </c>
    </row>
    <row r="2426" spans="1:3" ht="24">
      <c r="A2426" s="13">
        <v>2424</v>
      </c>
      <c r="B2426" s="10" t="s">
        <v>1176</v>
      </c>
      <c r="C2426" s="12" t="s">
        <v>545</v>
      </c>
    </row>
    <row r="2427" spans="1:3" ht="24">
      <c r="A2427" s="13">
        <v>2425</v>
      </c>
      <c r="B2427" s="10" t="s">
        <v>1176</v>
      </c>
      <c r="C2427" s="12" t="s">
        <v>545</v>
      </c>
    </row>
    <row r="2428" spans="1:3" ht="24">
      <c r="A2428" s="13">
        <v>2426</v>
      </c>
      <c r="B2428" s="10" t="s">
        <v>1176</v>
      </c>
      <c r="C2428" s="12" t="s">
        <v>545</v>
      </c>
    </row>
    <row r="2429" spans="1:3" ht="24">
      <c r="A2429" s="10">
        <v>2427</v>
      </c>
      <c r="B2429" s="10" t="s">
        <v>1177</v>
      </c>
      <c r="C2429" s="12" t="s">
        <v>545</v>
      </c>
    </row>
    <row r="2430" spans="1:3" ht="24">
      <c r="A2430" s="13">
        <v>2428</v>
      </c>
      <c r="B2430" s="10" t="s">
        <v>1177</v>
      </c>
      <c r="C2430" s="12" t="s">
        <v>545</v>
      </c>
    </row>
    <row r="2431" spans="1:3" ht="24">
      <c r="A2431" s="13">
        <v>2429</v>
      </c>
      <c r="B2431" s="10" t="s">
        <v>1177</v>
      </c>
      <c r="C2431" s="12" t="s">
        <v>545</v>
      </c>
    </row>
    <row r="2432" spans="1:3" ht="24">
      <c r="A2432" s="13">
        <v>2430</v>
      </c>
      <c r="B2432" s="10" t="s">
        <v>1177</v>
      </c>
      <c r="C2432" s="12" t="s">
        <v>545</v>
      </c>
    </row>
    <row r="2433" spans="1:3" ht="24">
      <c r="A2433" s="10">
        <v>2431</v>
      </c>
      <c r="B2433" s="10" t="s">
        <v>1177</v>
      </c>
      <c r="C2433" s="12" t="s">
        <v>545</v>
      </c>
    </row>
    <row r="2434" spans="1:3" ht="24">
      <c r="A2434" s="13">
        <v>2432</v>
      </c>
      <c r="B2434" s="10" t="s">
        <v>1178</v>
      </c>
      <c r="C2434" s="12" t="s">
        <v>545</v>
      </c>
    </row>
    <row r="2435" spans="1:3" ht="24">
      <c r="A2435" s="13">
        <v>2433</v>
      </c>
      <c r="B2435" s="10" t="s">
        <v>1179</v>
      </c>
      <c r="C2435" s="12" t="s">
        <v>545</v>
      </c>
    </row>
    <row r="2436" spans="1:3" ht="24">
      <c r="A2436" s="13">
        <v>2434</v>
      </c>
      <c r="B2436" s="10" t="s">
        <v>1180</v>
      </c>
      <c r="C2436" s="12" t="s">
        <v>545</v>
      </c>
    </row>
    <row r="2437" spans="1:3" ht="24">
      <c r="A2437" s="10">
        <v>2435</v>
      </c>
      <c r="B2437" s="10" t="s">
        <v>1181</v>
      </c>
      <c r="C2437" s="12" t="s">
        <v>545</v>
      </c>
    </row>
    <row r="2438" spans="1:3" ht="24">
      <c r="A2438" s="13">
        <v>2436</v>
      </c>
      <c r="B2438" s="10" t="s">
        <v>1182</v>
      </c>
      <c r="C2438" s="12" t="s">
        <v>545</v>
      </c>
    </row>
    <row r="2439" spans="1:3" ht="24">
      <c r="A2439" s="13">
        <v>2437</v>
      </c>
      <c r="B2439" s="10" t="s">
        <v>1182</v>
      </c>
      <c r="C2439" s="12" t="s">
        <v>545</v>
      </c>
    </row>
    <row r="2440" spans="1:3" ht="24">
      <c r="A2440" s="13">
        <v>2438</v>
      </c>
      <c r="B2440" s="10" t="s">
        <v>1182</v>
      </c>
      <c r="C2440" s="12" t="s">
        <v>545</v>
      </c>
    </row>
    <row r="2441" spans="1:3" ht="24">
      <c r="A2441" s="10">
        <v>2439</v>
      </c>
      <c r="B2441" s="10" t="s">
        <v>1182</v>
      </c>
      <c r="C2441" s="12" t="s">
        <v>545</v>
      </c>
    </row>
    <row r="2442" spans="1:3" ht="24">
      <c r="A2442" s="13">
        <v>2440</v>
      </c>
      <c r="B2442" s="10" t="s">
        <v>1182</v>
      </c>
      <c r="C2442" s="12" t="s">
        <v>545</v>
      </c>
    </row>
    <row r="2443" spans="1:3" ht="24">
      <c r="A2443" s="13">
        <v>2441</v>
      </c>
      <c r="B2443" s="10" t="s">
        <v>1182</v>
      </c>
      <c r="C2443" s="12" t="s">
        <v>545</v>
      </c>
    </row>
    <row r="2444" spans="1:3" ht="24">
      <c r="A2444" s="13">
        <v>2442</v>
      </c>
      <c r="B2444" s="10" t="s">
        <v>1174</v>
      </c>
      <c r="C2444" s="12" t="s">
        <v>545</v>
      </c>
    </row>
    <row r="2445" spans="1:3" ht="31.5">
      <c r="A2445" s="10">
        <v>2443</v>
      </c>
      <c r="B2445" s="10" t="s">
        <v>1183</v>
      </c>
      <c r="C2445" s="12" t="s">
        <v>545</v>
      </c>
    </row>
    <row r="2446" spans="1:3" ht="31.5">
      <c r="A2446" s="13">
        <v>2444</v>
      </c>
      <c r="B2446" s="10" t="s">
        <v>1184</v>
      </c>
      <c r="C2446" s="12" t="s">
        <v>545</v>
      </c>
    </row>
    <row r="2447" spans="1:3" ht="31.5">
      <c r="A2447" s="13">
        <v>2445</v>
      </c>
      <c r="B2447" s="10" t="s">
        <v>1185</v>
      </c>
      <c r="C2447" s="12" t="s">
        <v>545</v>
      </c>
    </row>
    <row r="2448" spans="1:3" ht="31.5">
      <c r="A2448" s="13">
        <v>2446</v>
      </c>
      <c r="B2448" s="10" t="s">
        <v>1186</v>
      </c>
      <c r="C2448" s="12" t="s">
        <v>545</v>
      </c>
    </row>
    <row r="2449" spans="1:3" ht="31.5">
      <c r="A2449" s="10">
        <v>2447</v>
      </c>
      <c r="B2449" s="10" t="s">
        <v>1187</v>
      </c>
      <c r="C2449" s="12" t="s">
        <v>545</v>
      </c>
    </row>
    <row r="2450" spans="1:3" ht="31.5">
      <c r="A2450" s="13">
        <v>2448</v>
      </c>
      <c r="B2450" s="10" t="s">
        <v>1188</v>
      </c>
      <c r="C2450" s="12" t="s">
        <v>545</v>
      </c>
    </row>
    <row r="2451" spans="1:3" ht="31.5">
      <c r="A2451" s="13">
        <v>2449</v>
      </c>
      <c r="B2451" s="10" t="s">
        <v>1189</v>
      </c>
      <c r="C2451" s="12" t="s">
        <v>545</v>
      </c>
    </row>
    <row r="2452" spans="1:3" ht="24">
      <c r="A2452" s="13">
        <v>2450</v>
      </c>
      <c r="B2452" s="11" t="s">
        <v>1190</v>
      </c>
      <c r="C2452" s="12" t="s">
        <v>545</v>
      </c>
    </row>
    <row r="2453" spans="1:3" ht="24">
      <c r="A2453" s="10">
        <v>2451</v>
      </c>
      <c r="B2453" s="11" t="s">
        <v>1190</v>
      </c>
      <c r="C2453" s="12" t="s">
        <v>545</v>
      </c>
    </row>
    <row r="2454" spans="1:3" ht="24">
      <c r="A2454" s="13">
        <v>2452</v>
      </c>
      <c r="B2454" s="10" t="s">
        <v>1191</v>
      </c>
      <c r="C2454" s="12" t="s">
        <v>545</v>
      </c>
    </row>
    <row r="2455" spans="1:3" ht="24">
      <c r="A2455" s="13">
        <v>2453</v>
      </c>
      <c r="B2455" s="10" t="s">
        <v>1192</v>
      </c>
      <c r="C2455" s="12" t="s">
        <v>545</v>
      </c>
    </row>
    <row r="2456" spans="1:3" ht="24">
      <c r="A2456" s="13">
        <v>2454</v>
      </c>
      <c r="B2456" s="10" t="s">
        <v>1193</v>
      </c>
      <c r="C2456" s="12" t="s">
        <v>545</v>
      </c>
    </row>
    <row r="2457" spans="1:3" ht="24">
      <c r="A2457" s="10">
        <v>2455</v>
      </c>
      <c r="B2457" s="10" t="s">
        <v>1194</v>
      </c>
      <c r="C2457" s="12" t="s">
        <v>545</v>
      </c>
    </row>
    <row r="2458" spans="1:3" ht="24">
      <c r="A2458" s="13">
        <v>2456</v>
      </c>
      <c r="B2458" s="10" t="s">
        <v>1195</v>
      </c>
      <c r="C2458" s="12" t="s">
        <v>545</v>
      </c>
    </row>
    <row r="2459" spans="1:3" ht="24">
      <c r="A2459" s="13">
        <v>2457</v>
      </c>
      <c r="B2459" s="10" t="s">
        <v>1196</v>
      </c>
      <c r="C2459" s="12" t="s">
        <v>545</v>
      </c>
    </row>
    <row r="2460" spans="1:3" ht="24">
      <c r="A2460" s="13">
        <v>2458</v>
      </c>
      <c r="B2460" s="10" t="s">
        <v>1197</v>
      </c>
      <c r="C2460" s="12" t="s">
        <v>545</v>
      </c>
    </row>
    <row r="2461" spans="1:3" ht="24">
      <c r="A2461" s="10">
        <v>2459</v>
      </c>
      <c r="B2461" s="10" t="s">
        <v>1198</v>
      </c>
      <c r="C2461" s="12" t="s">
        <v>545</v>
      </c>
    </row>
    <row r="2462" spans="1:3" ht="31.5">
      <c r="A2462" s="13">
        <v>2460</v>
      </c>
      <c r="B2462" s="10" t="s">
        <v>1199</v>
      </c>
      <c r="C2462" s="12" t="s">
        <v>545</v>
      </c>
    </row>
    <row r="2463" spans="1:3" ht="24">
      <c r="A2463" s="13">
        <v>2461</v>
      </c>
      <c r="B2463" s="15" t="s">
        <v>1200</v>
      </c>
      <c r="C2463" s="12" t="s">
        <v>545</v>
      </c>
    </row>
    <row r="2464" spans="1:3" ht="24">
      <c r="A2464" s="13">
        <v>2462</v>
      </c>
      <c r="B2464" s="10" t="s">
        <v>1201</v>
      </c>
      <c r="C2464" s="12" t="s">
        <v>545</v>
      </c>
    </row>
    <row r="2465" spans="1:3" ht="24">
      <c r="A2465" s="10">
        <v>2463</v>
      </c>
      <c r="B2465" s="10" t="s">
        <v>925</v>
      </c>
      <c r="C2465" s="12" t="s">
        <v>545</v>
      </c>
    </row>
    <row r="2466" spans="1:3" ht="24">
      <c r="A2466" s="13">
        <v>2464</v>
      </c>
      <c r="B2466" s="10" t="s">
        <v>1202</v>
      </c>
      <c r="C2466" s="12" t="s">
        <v>545</v>
      </c>
    </row>
    <row r="2467" spans="1:3" ht="24">
      <c r="A2467" s="13">
        <v>2465</v>
      </c>
      <c r="B2467" s="16" t="s">
        <v>1203</v>
      </c>
      <c r="C2467" s="12" t="s">
        <v>545</v>
      </c>
    </row>
    <row r="2468" spans="1:3" ht="24">
      <c r="A2468" s="13">
        <v>2466</v>
      </c>
      <c r="B2468" s="17" t="s">
        <v>1204</v>
      </c>
      <c r="C2468" s="12" t="s">
        <v>545</v>
      </c>
    </row>
    <row r="2469" spans="1:3" ht="24">
      <c r="A2469" s="10">
        <v>2467</v>
      </c>
      <c r="B2469" s="16" t="s">
        <v>1205</v>
      </c>
      <c r="C2469" s="12" t="s">
        <v>545</v>
      </c>
    </row>
    <row r="2470" spans="1:3" ht="24">
      <c r="A2470" s="13">
        <v>2468</v>
      </c>
      <c r="B2470" s="16" t="s">
        <v>1206</v>
      </c>
      <c r="C2470" s="12" t="s">
        <v>545</v>
      </c>
    </row>
    <row r="2471" spans="1:3" ht="24">
      <c r="A2471" s="13">
        <v>2469</v>
      </c>
      <c r="B2471" s="16" t="s">
        <v>1207</v>
      </c>
      <c r="C2471" s="12" t="s">
        <v>545</v>
      </c>
    </row>
    <row r="2472" spans="1:3" ht="24">
      <c r="A2472" s="13">
        <v>2470</v>
      </c>
      <c r="B2472" s="16" t="s">
        <v>1208</v>
      </c>
      <c r="C2472" s="12" t="s">
        <v>545</v>
      </c>
    </row>
    <row r="2473" spans="1:3" ht="24">
      <c r="A2473" s="10">
        <v>2471</v>
      </c>
      <c r="B2473" s="17" t="s">
        <v>291</v>
      </c>
      <c r="C2473" s="12" t="s">
        <v>545</v>
      </c>
    </row>
    <row r="2474" spans="1:3" ht="24">
      <c r="A2474" s="13">
        <v>2472</v>
      </c>
      <c r="B2474" s="17" t="s">
        <v>1209</v>
      </c>
      <c r="C2474" s="12" t="s">
        <v>545</v>
      </c>
    </row>
    <row r="2475" spans="1:3" ht="24">
      <c r="A2475" s="13">
        <v>2473</v>
      </c>
      <c r="B2475" s="33" t="s">
        <v>1210</v>
      </c>
      <c r="C2475" s="12" t="s">
        <v>545</v>
      </c>
    </row>
    <row r="2476" spans="1:3" ht="24">
      <c r="A2476" s="13">
        <v>2474</v>
      </c>
      <c r="B2476" s="31" t="s">
        <v>1211</v>
      </c>
      <c r="C2476" s="12" t="s">
        <v>545</v>
      </c>
    </row>
    <row r="2477" spans="1:3" ht="24">
      <c r="A2477" s="10">
        <v>2475</v>
      </c>
      <c r="B2477" s="10" t="s">
        <v>1212</v>
      </c>
      <c r="C2477" s="12" t="s">
        <v>545</v>
      </c>
    </row>
    <row r="2478" spans="1:3" ht="24">
      <c r="A2478" s="13">
        <v>2476</v>
      </c>
      <c r="B2478" s="10" t="s">
        <v>1213</v>
      </c>
      <c r="C2478" s="12" t="s">
        <v>545</v>
      </c>
    </row>
    <row r="2479" spans="1:3" ht="24">
      <c r="A2479" s="13">
        <v>2477</v>
      </c>
      <c r="B2479" s="15" t="s">
        <v>1214</v>
      </c>
      <c r="C2479" s="12" t="s">
        <v>545</v>
      </c>
    </row>
    <row r="2480" spans="1:3" ht="24">
      <c r="A2480" s="13">
        <v>2478</v>
      </c>
      <c r="B2480" s="10" t="s">
        <v>1215</v>
      </c>
      <c r="C2480" s="12" t="s">
        <v>545</v>
      </c>
    </row>
    <row r="2481" spans="1:3" ht="24">
      <c r="A2481" s="10">
        <v>2479</v>
      </c>
      <c r="B2481" s="15" t="s">
        <v>1216</v>
      </c>
      <c r="C2481" s="12" t="s">
        <v>545</v>
      </c>
    </row>
    <row r="2482" spans="1:3" ht="31.5">
      <c r="A2482" s="13">
        <v>2480</v>
      </c>
      <c r="B2482" s="10" t="s">
        <v>1217</v>
      </c>
      <c r="C2482" s="12" t="s">
        <v>545</v>
      </c>
    </row>
    <row r="2483" spans="1:3" ht="31.5">
      <c r="A2483" s="13">
        <v>2481</v>
      </c>
      <c r="B2483" s="10" t="s">
        <v>1218</v>
      </c>
      <c r="C2483" s="12" t="s">
        <v>545</v>
      </c>
    </row>
    <row r="2484" spans="1:3" ht="24">
      <c r="A2484" s="13">
        <v>2482</v>
      </c>
      <c r="B2484" s="10" t="s">
        <v>1219</v>
      </c>
      <c r="C2484" s="12" t="s">
        <v>545</v>
      </c>
    </row>
    <row r="2485" spans="1:3" ht="24">
      <c r="A2485" s="10">
        <v>2483</v>
      </c>
      <c r="B2485" s="10" t="s">
        <v>1220</v>
      </c>
      <c r="C2485" s="12" t="s">
        <v>545</v>
      </c>
    </row>
    <row r="2486" spans="1:3" ht="24">
      <c r="A2486" s="13">
        <v>2484</v>
      </c>
      <c r="B2486" s="10" t="s">
        <v>1221</v>
      </c>
      <c r="C2486" s="12" t="s">
        <v>545</v>
      </c>
    </row>
    <row r="2487" spans="1:3" ht="24">
      <c r="A2487" s="13">
        <v>2485</v>
      </c>
      <c r="B2487" s="10" t="s">
        <v>1222</v>
      </c>
      <c r="C2487" s="12" t="s">
        <v>545</v>
      </c>
    </row>
    <row r="2488" spans="1:3" ht="24">
      <c r="A2488" s="13">
        <v>2486</v>
      </c>
      <c r="B2488" s="10" t="s">
        <v>1223</v>
      </c>
      <c r="C2488" s="12" t="s">
        <v>545</v>
      </c>
    </row>
    <row r="2489" spans="1:3" ht="24">
      <c r="A2489" s="10">
        <v>2487</v>
      </c>
      <c r="B2489" s="10" t="s">
        <v>1224</v>
      </c>
      <c r="C2489" s="12" t="s">
        <v>545</v>
      </c>
    </row>
    <row r="2490" spans="1:3" ht="24">
      <c r="A2490" s="13">
        <v>2488</v>
      </c>
      <c r="B2490" s="10" t="s">
        <v>1225</v>
      </c>
      <c r="C2490" s="12" t="s">
        <v>545</v>
      </c>
    </row>
    <row r="2491" spans="1:3" ht="24">
      <c r="A2491" s="13">
        <v>2489</v>
      </c>
      <c r="B2491" s="10" t="s">
        <v>1226</v>
      </c>
      <c r="C2491" s="12" t="s">
        <v>545</v>
      </c>
    </row>
    <row r="2492" spans="1:3" ht="24">
      <c r="A2492" s="13">
        <v>2490</v>
      </c>
      <c r="B2492" s="10" t="s">
        <v>1227</v>
      </c>
      <c r="C2492" s="12" t="s">
        <v>545</v>
      </c>
    </row>
    <row r="2493" spans="1:3" ht="24">
      <c r="A2493" s="10">
        <v>2491</v>
      </c>
      <c r="B2493" s="10" t="s">
        <v>1228</v>
      </c>
      <c r="C2493" s="12" t="s">
        <v>545</v>
      </c>
    </row>
    <row r="2494" spans="1:3" ht="24">
      <c r="A2494" s="13">
        <v>2492</v>
      </c>
      <c r="B2494" s="10" t="s">
        <v>1229</v>
      </c>
      <c r="C2494" s="12" t="s">
        <v>545</v>
      </c>
    </row>
    <row r="2495" spans="1:3" ht="24">
      <c r="A2495" s="13">
        <v>2493</v>
      </c>
      <c r="B2495" s="10" t="s">
        <v>1230</v>
      </c>
      <c r="C2495" s="12" t="s">
        <v>545</v>
      </c>
    </row>
    <row r="2496" spans="1:3" ht="24">
      <c r="A2496" s="13">
        <v>2494</v>
      </c>
      <c r="B2496" s="10" t="s">
        <v>1231</v>
      </c>
      <c r="C2496" s="12" t="s">
        <v>545</v>
      </c>
    </row>
    <row r="2497" spans="1:3" ht="24">
      <c r="A2497" s="10">
        <v>2495</v>
      </c>
      <c r="B2497" s="10" t="s">
        <v>1232</v>
      </c>
      <c r="C2497" s="12" t="s">
        <v>545</v>
      </c>
    </row>
    <row r="2498" spans="1:3" ht="31.5">
      <c r="A2498" s="13">
        <v>2496</v>
      </c>
      <c r="B2498" s="10" t="s">
        <v>1233</v>
      </c>
      <c r="C2498" s="12" t="s">
        <v>545</v>
      </c>
    </row>
    <row r="2499" spans="1:3" ht="24">
      <c r="A2499" s="13">
        <v>2497</v>
      </c>
      <c r="B2499" s="15" t="s">
        <v>1234</v>
      </c>
      <c r="C2499" s="12" t="s">
        <v>545</v>
      </c>
    </row>
    <row r="2500" spans="1:3" ht="24">
      <c r="A2500" s="13">
        <v>2498</v>
      </c>
      <c r="B2500" s="10" t="s">
        <v>1235</v>
      </c>
      <c r="C2500" s="12" t="s">
        <v>545</v>
      </c>
    </row>
    <row r="2501" spans="1:3" ht="24">
      <c r="A2501" s="10">
        <v>2499</v>
      </c>
      <c r="B2501" s="10" t="s">
        <v>1236</v>
      </c>
      <c r="C2501" s="12" t="s">
        <v>545</v>
      </c>
    </row>
    <row r="2502" spans="1:3" ht="24">
      <c r="A2502" s="13">
        <v>2500</v>
      </c>
      <c r="B2502" s="10" t="s">
        <v>1237</v>
      </c>
      <c r="C2502" s="12" t="s">
        <v>545</v>
      </c>
    </row>
    <row r="2503" spans="1:3" ht="24">
      <c r="A2503" s="13">
        <v>2501</v>
      </c>
      <c r="B2503" s="10" t="s">
        <v>1238</v>
      </c>
      <c r="C2503" s="12" t="s">
        <v>545</v>
      </c>
    </row>
    <row r="2504" spans="1:3" ht="24">
      <c r="A2504" s="13">
        <v>2502</v>
      </c>
      <c r="B2504" s="15" t="s">
        <v>1239</v>
      </c>
      <c r="C2504" s="12" t="s">
        <v>545</v>
      </c>
    </row>
    <row r="2505" spans="1:3" ht="24">
      <c r="A2505" s="10">
        <v>2503</v>
      </c>
      <c r="B2505" s="26" t="s">
        <v>1240</v>
      </c>
      <c r="C2505" s="12" t="s">
        <v>545</v>
      </c>
    </row>
    <row r="2506" spans="1:3" ht="24">
      <c r="A2506" s="13">
        <v>2504</v>
      </c>
      <c r="B2506" s="26" t="s">
        <v>1241</v>
      </c>
      <c r="C2506" s="12" t="s">
        <v>545</v>
      </c>
    </row>
    <row r="2507" spans="1:3" ht="24">
      <c r="A2507" s="13">
        <v>2505</v>
      </c>
      <c r="B2507" s="26" t="s">
        <v>1242</v>
      </c>
      <c r="C2507" s="12" t="s">
        <v>545</v>
      </c>
    </row>
    <row r="2508" spans="1:3" ht="24">
      <c r="A2508" s="13">
        <v>2506</v>
      </c>
      <c r="B2508" s="26" t="s">
        <v>1243</v>
      </c>
      <c r="C2508" s="12" t="s">
        <v>545</v>
      </c>
    </row>
    <row r="2509" spans="1:3" ht="24">
      <c r="A2509" s="10">
        <v>2507</v>
      </c>
      <c r="B2509" s="26" t="s">
        <v>1244</v>
      </c>
      <c r="C2509" s="12" t="s">
        <v>545</v>
      </c>
    </row>
    <row r="2510" spans="1:3" ht="24">
      <c r="A2510" s="13">
        <v>2508</v>
      </c>
      <c r="B2510" s="15" t="s">
        <v>1245</v>
      </c>
      <c r="C2510" s="12" t="s">
        <v>545</v>
      </c>
    </row>
    <row r="2511" spans="1:3" ht="24">
      <c r="A2511" s="13">
        <v>2509</v>
      </c>
      <c r="B2511" s="15" t="s">
        <v>1246</v>
      </c>
      <c r="C2511" s="12" t="s">
        <v>545</v>
      </c>
    </row>
    <row r="2512" spans="1:3" ht="24">
      <c r="A2512" s="13">
        <v>2510</v>
      </c>
      <c r="B2512" s="10" t="s">
        <v>924</v>
      </c>
      <c r="C2512" s="12" t="s">
        <v>545</v>
      </c>
    </row>
    <row r="2513" spans="1:3" ht="24">
      <c r="A2513" s="10">
        <v>2511</v>
      </c>
      <c r="B2513" s="10" t="s">
        <v>90</v>
      </c>
      <c r="C2513" s="12" t="s">
        <v>545</v>
      </c>
    </row>
    <row r="2514" spans="1:3" ht="24">
      <c r="A2514" s="13">
        <v>2512</v>
      </c>
      <c r="B2514" s="31" t="s">
        <v>1247</v>
      </c>
      <c r="C2514" s="12" t="s">
        <v>545</v>
      </c>
    </row>
    <row r="2515" spans="1:3" ht="24">
      <c r="A2515" s="13">
        <v>2513</v>
      </c>
      <c r="B2515" s="10" t="s">
        <v>1248</v>
      </c>
      <c r="C2515" s="12" t="s">
        <v>545</v>
      </c>
    </row>
    <row r="2516" spans="1:3" ht="24">
      <c r="A2516" s="13">
        <v>2514</v>
      </c>
      <c r="B2516" s="10" t="s">
        <v>1248</v>
      </c>
      <c r="C2516" s="12" t="s">
        <v>545</v>
      </c>
    </row>
    <row r="2517" spans="1:3" ht="24">
      <c r="A2517" s="10">
        <v>2515</v>
      </c>
      <c r="B2517" s="16" t="s">
        <v>1248</v>
      </c>
      <c r="C2517" s="12" t="s">
        <v>545</v>
      </c>
    </row>
    <row r="2518" spans="1:3" ht="24">
      <c r="A2518" s="13">
        <v>2516</v>
      </c>
      <c r="B2518" s="25" t="s">
        <v>291</v>
      </c>
      <c r="C2518" s="12" t="s">
        <v>545</v>
      </c>
    </row>
    <row r="2519" spans="1:3" ht="24">
      <c r="A2519" s="13">
        <v>2517</v>
      </c>
      <c r="B2519" s="10" t="s">
        <v>1249</v>
      </c>
      <c r="C2519" s="12" t="s">
        <v>545</v>
      </c>
    </row>
    <row r="2520" spans="1:3" ht="24">
      <c r="A2520" s="13">
        <v>2518</v>
      </c>
      <c r="B2520" s="10" t="s">
        <v>1250</v>
      </c>
      <c r="C2520" s="12" t="s">
        <v>545</v>
      </c>
    </row>
    <row r="2521" spans="1:3" ht="24">
      <c r="A2521" s="10">
        <v>2519</v>
      </c>
      <c r="B2521" s="10" t="s">
        <v>1251</v>
      </c>
      <c r="C2521" s="12" t="s">
        <v>545</v>
      </c>
    </row>
    <row r="2522" spans="1:3" ht="24">
      <c r="A2522" s="13">
        <v>2520</v>
      </c>
      <c r="B2522" s="10" t="s">
        <v>1252</v>
      </c>
      <c r="C2522" s="12" t="s">
        <v>545</v>
      </c>
    </row>
    <row r="2523" spans="1:3" ht="24">
      <c r="A2523" s="13">
        <v>2521</v>
      </c>
      <c r="B2523" s="15" t="s">
        <v>1253</v>
      </c>
      <c r="C2523" s="12" t="s">
        <v>545</v>
      </c>
    </row>
    <row r="2524" spans="1:3" ht="24">
      <c r="A2524" s="13">
        <v>2522</v>
      </c>
      <c r="B2524" s="10" t="s">
        <v>1254</v>
      </c>
      <c r="C2524" s="12" t="s">
        <v>545</v>
      </c>
    </row>
    <row r="2525" spans="1:3" ht="24">
      <c r="A2525" s="10">
        <v>2523</v>
      </c>
      <c r="B2525" s="10" t="s">
        <v>1254</v>
      </c>
      <c r="C2525" s="12" t="s">
        <v>545</v>
      </c>
    </row>
    <row r="2526" spans="1:3" ht="24">
      <c r="A2526" s="13">
        <v>2524</v>
      </c>
      <c r="B2526" s="17" t="s">
        <v>1255</v>
      </c>
      <c r="C2526" s="12" t="s">
        <v>545</v>
      </c>
    </row>
    <row r="2527" spans="1:3" ht="24">
      <c r="A2527" s="13">
        <v>2525</v>
      </c>
      <c r="B2527" s="17" t="s">
        <v>1256</v>
      </c>
      <c r="C2527" s="12" t="s">
        <v>545</v>
      </c>
    </row>
    <row r="2528" spans="1:3" ht="24">
      <c r="A2528" s="13">
        <v>2526</v>
      </c>
      <c r="B2528" s="16" t="s">
        <v>1257</v>
      </c>
      <c r="C2528" s="12" t="s">
        <v>545</v>
      </c>
    </row>
    <row r="2529" spans="1:3" ht="24">
      <c r="A2529" s="10">
        <v>2527</v>
      </c>
      <c r="B2529" s="10" t="s">
        <v>1258</v>
      </c>
      <c r="C2529" s="12" t="s">
        <v>545</v>
      </c>
    </row>
    <row r="2530" spans="1:3" ht="24">
      <c r="A2530" s="13">
        <v>2528</v>
      </c>
      <c r="B2530" s="10" t="s">
        <v>1259</v>
      </c>
      <c r="C2530" s="12" t="s">
        <v>545</v>
      </c>
    </row>
    <row r="2531" spans="1:3" ht="24">
      <c r="A2531" s="13">
        <v>2529</v>
      </c>
      <c r="B2531" s="10" t="s">
        <v>1260</v>
      </c>
      <c r="C2531" s="12" t="s">
        <v>545</v>
      </c>
    </row>
    <row r="2532" spans="1:3" ht="24">
      <c r="A2532" s="13">
        <v>2530</v>
      </c>
      <c r="B2532" s="10" t="s">
        <v>1261</v>
      </c>
      <c r="C2532" s="12" t="s">
        <v>545</v>
      </c>
    </row>
    <row r="2533" spans="1:3" ht="24">
      <c r="A2533" s="10">
        <v>2531</v>
      </c>
      <c r="B2533" s="10" t="s">
        <v>1262</v>
      </c>
      <c r="C2533" s="12" t="s">
        <v>545</v>
      </c>
    </row>
    <row r="2534" spans="1:3" ht="24">
      <c r="A2534" s="13">
        <v>2532</v>
      </c>
      <c r="B2534" s="10" t="s">
        <v>1263</v>
      </c>
      <c r="C2534" s="12" t="s">
        <v>545</v>
      </c>
    </row>
    <row r="2535" spans="1:3" ht="24">
      <c r="A2535" s="13">
        <v>2533</v>
      </c>
      <c r="B2535" s="10" t="s">
        <v>1264</v>
      </c>
      <c r="C2535" s="12" t="s">
        <v>545</v>
      </c>
    </row>
    <row r="2536" spans="1:3" ht="24">
      <c r="A2536" s="13">
        <v>2534</v>
      </c>
      <c r="B2536" s="10" t="s">
        <v>1265</v>
      </c>
      <c r="C2536" s="12" t="s">
        <v>545</v>
      </c>
    </row>
    <row r="2537" spans="1:3" ht="24">
      <c r="A2537" s="10">
        <v>2535</v>
      </c>
      <c r="B2537" s="10" t="s">
        <v>1266</v>
      </c>
      <c r="C2537" s="12" t="s">
        <v>545</v>
      </c>
    </row>
    <row r="2538" spans="1:3" ht="24">
      <c r="A2538" s="13">
        <v>2536</v>
      </c>
      <c r="B2538" s="10" t="s">
        <v>1267</v>
      </c>
      <c r="C2538" s="12" t="s">
        <v>545</v>
      </c>
    </row>
    <row r="2539" spans="1:3" ht="24">
      <c r="A2539" s="13">
        <v>2537</v>
      </c>
      <c r="B2539" s="10" t="s">
        <v>1268</v>
      </c>
      <c r="C2539" s="12" t="s">
        <v>545</v>
      </c>
    </row>
    <row r="2540" spans="1:3" ht="24">
      <c r="A2540" s="13">
        <v>2538</v>
      </c>
      <c r="B2540" s="10" t="s">
        <v>1269</v>
      </c>
      <c r="C2540" s="12" t="s">
        <v>545</v>
      </c>
    </row>
    <row r="2541" spans="1:3" ht="24">
      <c r="A2541" s="10">
        <v>2539</v>
      </c>
      <c r="B2541" s="10" t="s">
        <v>1270</v>
      </c>
      <c r="C2541" s="12" t="s">
        <v>545</v>
      </c>
    </row>
    <row r="2542" spans="1:3" ht="24">
      <c r="A2542" s="13">
        <v>2540</v>
      </c>
      <c r="B2542" s="10" t="s">
        <v>1271</v>
      </c>
      <c r="C2542" s="12" t="s">
        <v>545</v>
      </c>
    </row>
    <row r="2543" spans="1:3" ht="31.5">
      <c r="A2543" s="13">
        <v>2541</v>
      </c>
      <c r="B2543" s="10" t="s">
        <v>1272</v>
      </c>
      <c r="C2543" s="12" t="s">
        <v>545</v>
      </c>
    </row>
    <row r="2544" spans="1:3" ht="24">
      <c r="A2544" s="13">
        <v>2542</v>
      </c>
      <c r="B2544" s="10" t="s">
        <v>1273</v>
      </c>
      <c r="C2544" s="12" t="s">
        <v>545</v>
      </c>
    </row>
    <row r="2545" spans="1:3" ht="24">
      <c r="A2545" s="10">
        <v>2543</v>
      </c>
      <c r="B2545" s="10" t="s">
        <v>1274</v>
      </c>
      <c r="C2545" s="12" t="s">
        <v>545</v>
      </c>
    </row>
    <row r="2546" spans="1:3" ht="24">
      <c r="A2546" s="13">
        <v>2544</v>
      </c>
      <c r="B2546" s="10" t="s">
        <v>1275</v>
      </c>
      <c r="C2546" s="12" t="s">
        <v>545</v>
      </c>
    </row>
    <row r="2547" spans="1:3" ht="24">
      <c r="A2547" s="13">
        <v>2545</v>
      </c>
      <c r="B2547" s="10" t="s">
        <v>1276</v>
      </c>
      <c r="C2547" s="12" t="s">
        <v>545</v>
      </c>
    </row>
    <row r="2548" spans="1:3" ht="24">
      <c r="A2548" s="13">
        <v>2546</v>
      </c>
      <c r="B2548" s="10" t="s">
        <v>1277</v>
      </c>
      <c r="C2548" s="12" t="s">
        <v>545</v>
      </c>
    </row>
    <row r="2549" spans="1:3" ht="24">
      <c r="A2549" s="10">
        <v>2547</v>
      </c>
      <c r="B2549" s="10" t="s">
        <v>1278</v>
      </c>
      <c r="C2549" s="12" t="s">
        <v>545</v>
      </c>
    </row>
    <row r="2550" spans="1:3" ht="24">
      <c r="A2550" s="13">
        <v>2548</v>
      </c>
      <c r="B2550" s="10" t="s">
        <v>1279</v>
      </c>
      <c r="C2550" s="12" t="s">
        <v>545</v>
      </c>
    </row>
    <row r="2551" spans="1:3" ht="24">
      <c r="A2551" s="13">
        <v>2549</v>
      </c>
      <c r="B2551" s="10" t="s">
        <v>1280</v>
      </c>
      <c r="C2551" s="12" t="s">
        <v>545</v>
      </c>
    </row>
    <row r="2552" spans="1:3" ht="24">
      <c r="A2552" s="13">
        <v>2550</v>
      </c>
      <c r="B2552" s="10" t="s">
        <v>1281</v>
      </c>
      <c r="C2552" s="12" t="s">
        <v>545</v>
      </c>
    </row>
    <row r="2553" spans="1:3" ht="24">
      <c r="A2553" s="10">
        <v>2551</v>
      </c>
      <c r="B2553" s="10" t="s">
        <v>1282</v>
      </c>
      <c r="C2553" s="12" t="s">
        <v>545</v>
      </c>
    </row>
    <row r="2554" spans="1:3" ht="24">
      <c r="A2554" s="13">
        <v>2552</v>
      </c>
      <c r="B2554" s="10" t="s">
        <v>1283</v>
      </c>
      <c r="C2554" s="12" t="s">
        <v>545</v>
      </c>
    </row>
    <row r="2555" spans="1:3" ht="24">
      <c r="A2555" s="13">
        <v>2553</v>
      </c>
      <c r="B2555" s="10" t="s">
        <v>1284</v>
      </c>
      <c r="C2555" s="12" t="s">
        <v>545</v>
      </c>
    </row>
    <row r="2556" spans="1:3" ht="24">
      <c r="A2556" s="13">
        <v>2554</v>
      </c>
      <c r="B2556" s="10" t="s">
        <v>1285</v>
      </c>
      <c r="C2556" s="12" t="s">
        <v>545</v>
      </c>
    </row>
    <row r="2557" spans="1:3" ht="24">
      <c r="A2557" s="10">
        <v>2555</v>
      </c>
      <c r="B2557" s="10" t="s">
        <v>1286</v>
      </c>
      <c r="C2557" s="12" t="s">
        <v>545</v>
      </c>
    </row>
    <row r="2558" spans="1:3" ht="24">
      <c r="A2558" s="13">
        <v>2556</v>
      </c>
      <c r="B2558" s="10" t="s">
        <v>1287</v>
      </c>
      <c r="C2558" s="12" t="s">
        <v>545</v>
      </c>
    </row>
    <row r="2559" spans="1:3" ht="24">
      <c r="A2559" s="13">
        <v>2557</v>
      </c>
      <c r="B2559" s="10" t="s">
        <v>1288</v>
      </c>
      <c r="C2559" s="12" t="s">
        <v>545</v>
      </c>
    </row>
    <row r="2560" spans="1:3" ht="24">
      <c r="A2560" s="13">
        <v>2558</v>
      </c>
      <c r="B2560" s="10" t="s">
        <v>1289</v>
      </c>
      <c r="C2560" s="12" t="s">
        <v>545</v>
      </c>
    </row>
    <row r="2561" spans="1:3" ht="24">
      <c r="A2561" s="10">
        <v>2559</v>
      </c>
      <c r="B2561" s="10" t="s">
        <v>1290</v>
      </c>
      <c r="C2561" s="12" t="s">
        <v>545</v>
      </c>
    </row>
    <row r="2562" spans="1:3" ht="31.5">
      <c r="A2562" s="13">
        <v>2560</v>
      </c>
      <c r="B2562" s="10" t="s">
        <v>1291</v>
      </c>
      <c r="C2562" s="12" t="s">
        <v>545</v>
      </c>
    </row>
    <row r="2563" spans="1:3" ht="24">
      <c r="A2563" s="13">
        <v>2561</v>
      </c>
      <c r="B2563" s="10" t="s">
        <v>1292</v>
      </c>
      <c r="C2563" s="12" t="s">
        <v>545</v>
      </c>
    </row>
    <row r="2564" spans="1:3" ht="24">
      <c r="A2564" s="13">
        <v>2562</v>
      </c>
      <c r="B2564" s="10" t="s">
        <v>1293</v>
      </c>
      <c r="C2564" s="12" t="s">
        <v>545</v>
      </c>
    </row>
    <row r="2565" spans="1:3" ht="24">
      <c r="A2565" s="10">
        <v>2563</v>
      </c>
      <c r="B2565" s="10" t="s">
        <v>1294</v>
      </c>
      <c r="C2565" s="12" t="s">
        <v>545</v>
      </c>
    </row>
    <row r="2566" spans="1:3" ht="24">
      <c r="A2566" s="13">
        <v>2564</v>
      </c>
      <c r="B2566" s="10" t="s">
        <v>1295</v>
      </c>
      <c r="C2566" s="12" t="s">
        <v>545</v>
      </c>
    </row>
    <row r="2567" spans="1:3" ht="31.5">
      <c r="A2567" s="13">
        <v>2565</v>
      </c>
      <c r="B2567" s="10" t="s">
        <v>1296</v>
      </c>
      <c r="C2567" s="12" t="s">
        <v>545</v>
      </c>
    </row>
    <row r="2568" spans="1:3" ht="24">
      <c r="A2568" s="13">
        <v>2566</v>
      </c>
      <c r="B2568" s="10" t="s">
        <v>1297</v>
      </c>
      <c r="C2568" s="12" t="s">
        <v>545</v>
      </c>
    </row>
    <row r="2569" spans="1:3" ht="24">
      <c r="A2569" s="10">
        <v>2567</v>
      </c>
      <c r="B2569" s="10" t="s">
        <v>1298</v>
      </c>
      <c r="C2569" s="12" t="s">
        <v>545</v>
      </c>
    </row>
    <row r="2570" spans="1:3" ht="24">
      <c r="A2570" s="13">
        <v>2568</v>
      </c>
      <c r="B2570" s="10" t="s">
        <v>1299</v>
      </c>
      <c r="C2570" s="12" t="s">
        <v>545</v>
      </c>
    </row>
    <row r="2571" spans="1:3" ht="24">
      <c r="A2571" s="13">
        <v>2569</v>
      </c>
      <c r="B2571" s="10" t="s">
        <v>1300</v>
      </c>
      <c r="C2571" s="12" t="s">
        <v>545</v>
      </c>
    </row>
    <row r="2572" spans="1:3" ht="24">
      <c r="A2572" s="13">
        <v>2570</v>
      </c>
      <c r="B2572" s="10" t="s">
        <v>1301</v>
      </c>
      <c r="C2572" s="12" t="s">
        <v>545</v>
      </c>
    </row>
    <row r="2573" spans="1:3" ht="24">
      <c r="A2573" s="10">
        <v>2571</v>
      </c>
      <c r="B2573" s="10" t="s">
        <v>1302</v>
      </c>
      <c r="C2573" s="12" t="s">
        <v>545</v>
      </c>
    </row>
    <row r="2574" spans="1:3" ht="24">
      <c r="A2574" s="13">
        <v>2572</v>
      </c>
      <c r="B2574" s="10" t="s">
        <v>1303</v>
      </c>
      <c r="C2574" s="12" t="s">
        <v>545</v>
      </c>
    </row>
    <row r="2575" spans="1:3" ht="24">
      <c r="A2575" s="13">
        <v>2573</v>
      </c>
      <c r="B2575" s="10" t="s">
        <v>1304</v>
      </c>
      <c r="C2575" s="12" t="s">
        <v>545</v>
      </c>
    </row>
    <row r="2576" spans="1:3" ht="24">
      <c r="A2576" s="13">
        <v>2574</v>
      </c>
      <c r="B2576" s="10" t="s">
        <v>1305</v>
      </c>
      <c r="C2576" s="12" t="s">
        <v>545</v>
      </c>
    </row>
    <row r="2577" spans="1:3" ht="31.5">
      <c r="A2577" s="10">
        <v>2575</v>
      </c>
      <c r="B2577" s="10" t="s">
        <v>1306</v>
      </c>
      <c r="C2577" s="12" t="s">
        <v>545</v>
      </c>
    </row>
    <row r="2578" spans="1:3" ht="24">
      <c r="A2578" s="13">
        <v>2576</v>
      </c>
      <c r="B2578" s="10" t="s">
        <v>1307</v>
      </c>
      <c r="C2578" s="12" t="s">
        <v>545</v>
      </c>
    </row>
    <row r="2579" spans="1:3" ht="24">
      <c r="A2579" s="13">
        <v>2577</v>
      </c>
      <c r="B2579" s="10" t="s">
        <v>1308</v>
      </c>
      <c r="C2579" s="12" t="s">
        <v>545</v>
      </c>
    </row>
    <row r="2580" spans="1:3" ht="24">
      <c r="A2580" s="13">
        <v>2578</v>
      </c>
      <c r="B2580" s="10" t="s">
        <v>1309</v>
      </c>
      <c r="C2580" s="12" t="s">
        <v>545</v>
      </c>
    </row>
    <row r="2581" spans="1:3" ht="24">
      <c r="A2581" s="10">
        <v>2579</v>
      </c>
      <c r="B2581" s="10" t="s">
        <v>1310</v>
      </c>
      <c r="C2581" s="12" t="s">
        <v>545</v>
      </c>
    </row>
    <row r="2582" spans="1:3" ht="24">
      <c r="A2582" s="13">
        <v>2580</v>
      </c>
      <c r="B2582" s="10" t="s">
        <v>1311</v>
      </c>
      <c r="C2582" s="12" t="s">
        <v>545</v>
      </c>
    </row>
    <row r="2583" spans="1:3" ht="24">
      <c r="A2583" s="13">
        <v>2581</v>
      </c>
      <c r="B2583" s="10" t="s">
        <v>1312</v>
      </c>
      <c r="C2583" s="12" t="s">
        <v>545</v>
      </c>
    </row>
    <row r="2584" spans="1:3" ht="24">
      <c r="A2584" s="13">
        <v>2582</v>
      </c>
      <c r="B2584" s="10" t="s">
        <v>1313</v>
      </c>
      <c r="C2584" s="12" t="s">
        <v>545</v>
      </c>
    </row>
    <row r="2585" spans="1:3" ht="24">
      <c r="A2585" s="10">
        <v>2583</v>
      </c>
      <c r="B2585" s="10" t="s">
        <v>1314</v>
      </c>
      <c r="C2585" s="12" t="s">
        <v>545</v>
      </c>
    </row>
    <row r="2586" spans="1:3" ht="24">
      <c r="A2586" s="13">
        <v>2584</v>
      </c>
      <c r="B2586" s="10" t="s">
        <v>1315</v>
      </c>
      <c r="C2586" s="12" t="s">
        <v>545</v>
      </c>
    </row>
    <row r="2587" spans="1:3" ht="24">
      <c r="A2587" s="13">
        <v>2585</v>
      </c>
      <c r="B2587" s="10" t="s">
        <v>1316</v>
      </c>
      <c r="C2587" s="12" t="s">
        <v>545</v>
      </c>
    </row>
    <row r="2588" spans="1:3" ht="24">
      <c r="A2588" s="13">
        <v>2586</v>
      </c>
      <c r="B2588" s="10" t="s">
        <v>1317</v>
      </c>
      <c r="C2588" s="12" t="s">
        <v>545</v>
      </c>
    </row>
    <row r="2589" spans="1:3" ht="31.5">
      <c r="A2589" s="10">
        <v>2587</v>
      </c>
      <c r="B2589" s="10" t="s">
        <v>1318</v>
      </c>
      <c r="C2589" s="12" t="s">
        <v>545</v>
      </c>
    </row>
    <row r="2590" spans="1:3" ht="24">
      <c r="A2590" s="13">
        <v>2588</v>
      </c>
      <c r="B2590" s="10" t="s">
        <v>1319</v>
      </c>
      <c r="C2590" s="12" t="s">
        <v>545</v>
      </c>
    </row>
    <row r="2591" spans="1:3" ht="24">
      <c r="A2591" s="13">
        <v>2589</v>
      </c>
      <c r="B2591" s="10" t="s">
        <v>1320</v>
      </c>
      <c r="C2591" s="12" t="s">
        <v>545</v>
      </c>
    </row>
    <row r="2592" spans="1:3" ht="31.5">
      <c r="A2592" s="13">
        <v>2590</v>
      </c>
      <c r="B2592" s="10" t="s">
        <v>1321</v>
      </c>
      <c r="C2592" s="12" t="s">
        <v>545</v>
      </c>
    </row>
    <row r="2593" spans="1:3" ht="24">
      <c r="A2593" s="10">
        <v>2591</v>
      </c>
      <c r="B2593" s="10" t="s">
        <v>1322</v>
      </c>
      <c r="C2593" s="12" t="s">
        <v>545</v>
      </c>
    </row>
    <row r="2594" spans="1:3" ht="24">
      <c r="A2594" s="13">
        <v>2592</v>
      </c>
      <c r="B2594" s="10" t="s">
        <v>1323</v>
      </c>
      <c r="C2594" s="12" t="s">
        <v>545</v>
      </c>
    </row>
    <row r="2595" spans="1:3" ht="31.5">
      <c r="A2595" s="13">
        <v>2593</v>
      </c>
      <c r="B2595" s="10" t="s">
        <v>1324</v>
      </c>
      <c r="C2595" s="12" t="s">
        <v>545</v>
      </c>
    </row>
    <row r="2596" spans="1:3" ht="24">
      <c r="A2596" s="13">
        <v>2594</v>
      </c>
      <c r="B2596" s="10" t="s">
        <v>1325</v>
      </c>
      <c r="C2596" s="12" t="s">
        <v>545</v>
      </c>
    </row>
    <row r="2597" spans="1:3" ht="24">
      <c r="A2597" s="10">
        <v>2595</v>
      </c>
      <c r="B2597" s="10" t="s">
        <v>1326</v>
      </c>
      <c r="C2597" s="12" t="s">
        <v>545</v>
      </c>
    </row>
    <row r="2598" spans="1:3" ht="24">
      <c r="A2598" s="13">
        <v>2596</v>
      </c>
      <c r="B2598" s="10" t="s">
        <v>1327</v>
      </c>
      <c r="C2598" s="12" t="s">
        <v>545</v>
      </c>
    </row>
    <row r="2599" spans="1:3" ht="24">
      <c r="A2599" s="13">
        <v>2597</v>
      </c>
      <c r="B2599" s="10" t="s">
        <v>1328</v>
      </c>
      <c r="C2599" s="12" t="s">
        <v>545</v>
      </c>
    </row>
    <row r="2600" spans="1:3" ht="24">
      <c r="A2600" s="13">
        <v>2598</v>
      </c>
      <c r="B2600" s="10" t="s">
        <v>1329</v>
      </c>
      <c r="C2600" s="12" t="s">
        <v>545</v>
      </c>
    </row>
    <row r="2601" spans="1:3" ht="24">
      <c r="A2601" s="10">
        <v>2599</v>
      </c>
      <c r="B2601" s="10" t="s">
        <v>1330</v>
      </c>
      <c r="C2601" s="12" t="s">
        <v>545</v>
      </c>
    </row>
    <row r="2602" spans="1:3" ht="24">
      <c r="A2602" s="13">
        <v>2600</v>
      </c>
      <c r="B2602" s="10" t="s">
        <v>1331</v>
      </c>
      <c r="C2602" s="12" t="s">
        <v>545</v>
      </c>
    </row>
    <row r="2603" spans="1:3" ht="24">
      <c r="A2603" s="13">
        <v>2601</v>
      </c>
      <c r="B2603" s="10" t="s">
        <v>1331</v>
      </c>
      <c r="C2603" s="12" t="s">
        <v>545</v>
      </c>
    </row>
    <row r="2604" spans="1:3" ht="24">
      <c r="A2604" s="13">
        <v>2602</v>
      </c>
      <c r="B2604" s="10" t="s">
        <v>1332</v>
      </c>
      <c r="C2604" s="12" t="s">
        <v>545</v>
      </c>
    </row>
    <row r="2605" spans="1:3" ht="24">
      <c r="A2605" s="10">
        <v>2603</v>
      </c>
      <c r="B2605" s="10" t="s">
        <v>1333</v>
      </c>
      <c r="C2605" s="12" t="s">
        <v>545</v>
      </c>
    </row>
    <row r="2606" spans="1:3" ht="24">
      <c r="A2606" s="13">
        <v>2604</v>
      </c>
      <c r="B2606" s="10" t="s">
        <v>1334</v>
      </c>
      <c r="C2606" s="12" t="s">
        <v>545</v>
      </c>
    </row>
    <row r="2607" spans="1:3" ht="24">
      <c r="A2607" s="13">
        <v>2605</v>
      </c>
      <c r="B2607" s="10" t="s">
        <v>1335</v>
      </c>
      <c r="C2607" s="12" t="s">
        <v>545</v>
      </c>
    </row>
    <row r="2608" spans="1:3" ht="24">
      <c r="A2608" s="13">
        <v>2606</v>
      </c>
      <c r="B2608" s="10" t="s">
        <v>1336</v>
      </c>
      <c r="C2608" s="12" t="s">
        <v>545</v>
      </c>
    </row>
    <row r="2609" spans="1:3" ht="24">
      <c r="A2609" s="10">
        <v>2607</v>
      </c>
      <c r="B2609" s="15" t="s">
        <v>1337</v>
      </c>
      <c r="C2609" s="12" t="s">
        <v>545</v>
      </c>
    </row>
    <row r="2610" spans="1:3" ht="31.5">
      <c r="A2610" s="13">
        <v>2608</v>
      </c>
      <c r="B2610" s="10" t="s">
        <v>1338</v>
      </c>
      <c r="C2610" s="12" t="s">
        <v>545</v>
      </c>
    </row>
    <row r="2611" spans="1:3" ht="31.5">
      <c r="A2611" s="13">
        <v>2609</v>
      </c>
      <c r="B2611" s="10" t="s">
        <v>1339</v>
      </c>
      <c r="C2611" s="12" t="s">
        <v>545</v>
      </c>
    </row>
    <row r="2612" spans="1:3" ht="31.5">
      <c r="A2612" s="13">
        <v>2610</v>
      </c>
      <c r="B2612" s="10" t="s">
        <v>1340</v>
      </c>
      <c r="C2612" s="12" t="s">
        <v>545</v>
      </c>
    </row>
    <row r="2613" spans="1:3" ht="24">
      <c r="A2613" s="10">
        <v>2611</v>
      </c>
      <c r="B2613" s="10" t="s">
        <v>1341</v>
      </c>
      <c r="C2613" s="12" t="s">
        <v>545</v>
      </c>
    </row>
    <row r="2614" spans="1:3" ht="24">
      <c r="A2614" s="13">
        <v>2612</v>
      </c>
      <c r="B2614" s="10" t="s">
        <v>1342</v>
      </c>
      <c r="C2614" s="12" t="s">
        <v>545</v>
      </c>
    </row>
    <row r="2615" spans="1:3" ht="24">
      <c r="A2615" s="13">
        <v>2613</v>
      </c>
      <c r="B2615" s="16" t="s">
        <v>1343</v>
      </c>
      <c r="C2615" s="12" t="s">
        <v>545</v>
      </c>
    </row>
    <row r="2616" spans="1:3" ht="24">
      <c r="A2616" s="13">
        <v>2614</v>
      </c>
      <c r="B2616" s="10" t="s">
        <v>1344</v>
      </c>
      <c r="C2616" s="12" t="s">
        <v>545</v>
      </c>
    </row>
    <row r="2617" spans="1:3" ht="24">
      <c r="A2617" s="10">
        <v>2615</v>
      </c>
      <c r="B2617" s="10" t="s">
        <v>1345</v>
      </c>
      <c r="C2617" s="12" t="s">
        <v>545</v>
      </c>
    </row>
    <row r="2618" spans="1:3" ht="24">
      <c r="A2618" s="13">
        <v>2616</v>
      </c>
      <c r="B2618" s="10" t="s">
        <v>1346</v>
      </c>
      <c r="C2618" s="12" t="s">
        <v>545</v>
      </c>
    </row>
    <row r="2619" spans="1:3" ht="24">
      <c r="A2619" s="13">
        <v>2617</v>
      </c>
      <c r="B2619" s="10" t="s">
        <v>1347</v>
      </c>
      <c r="C2619" s="12" t="s">
        <v>545</v>
      </c>
    </row>
    <row r="2620" spans="1:3" ht="24">
      <c r="A2620" s="13">
        <v>2618</v>
      </c>
      <c r="B2620" s="10" t="s">
        <v>1348</v>
      </c>
      <c r="C2620" s="12" t="s">
        <v>545</v>
      </c>
    </row>
    <row r="2621" spans="1:3" ht="24">
      <c r="A2621" s="10">
        <v>2619</v>
      </c>
      <c r="B2621" s="10" t="s">
        <v>1349</v>
      </c>
      <c r="C2621" s="12" t="s">
        <v>545</v>
      </c>
    </row>
    <row r="2622" spans="1:3" ht="24">
      <c r="A2622" s="13">
        <v>2620</v>
      </c>
      <c r="B2622" s="10" t="s">
        <v>1350</v>
      </c>
      <c r="C2622" s="12" t="s">
        <v>545</v>
      </c>
    </row>
    <row r="2623" spans="1:3" ht="24">
      <c r="A2623" s="13">
        <v>2621</v>
      </c>
      <c r="B2623" s="10" t="s">
        <v>1351</v>
      </c>
      <c r="C2623" s="12" t="s">
        <v>545</v>
      </c>
    </row>
    <row r="2624" spans="1:3" ht="24">
      <c r="A2624" s="13">
        <v>2622</v>
      </c>
      <c r="B2624" s="10" t="s">
        <v>1352</v>
      </c>
      <c r="C2624" s="12" t="s">
        <v>545</v>
      </c>
    </row>
    <row r="2625" spans="1:3" ht="24">
      <c r="A2625" s="10">
        <v>2623</v>
      </c>
      <c r="B2625" s="10" t="s">
        <v>1353</v>
      </c>
      <c r="C2625" s="12" t="s">
        <v>545</v>
      </c>
    </row>
    <row r="2626" spans="1:3" ht="24">
      <c r="A2626" s="13">
        <v>2624</v>
      </c>
      <c r="B2626" s="10" t="s">
        <v>1354</v>
      </c>
      <c r="C2626" s="12" t="s">
        <v>545</v>
      </c>
    </row>
    <row r="2627" spans="1:3" ht="24">
      <c r="A2627" s="13">
        <v>2625</v>
      </c>
      <c r="B2627" s="10" t="s">
        <v>1355</v>
      </c>
      <c r="C2627" s="12" t="s">
        <v>545</v>
      </c>
    </row>
    <row r="2628" spans="1:3" ht="24">
      <c r="A2628" s="13">
        <v>2626</v>
      </c>
      <c r="B2628" s="10" t="s">
        <v>1356</v>
      </c>
      <c r="C2628" s="12" t="s">
        <v>545</v>
      </c>
    </row>
    <row r="2629" spans="1:3" ht="24">
      <c r="A2629" s="10">
        <v>2627</v>
      </c>
      <c r="B2629" s="10" t="s">
        <v>1357</v>
      </c>
      <c r="C2629" s="12" t="s">
        <v>545</v>
      </c>
    </row>
    <row r="2630" spans="1:3" ht="24">
      <c r="A2630" s="13">
        <v>2628</v>
      </c>
      <c r="B2630" s="17" t="s">
        <v>1358</v>
      </c>
      <c r="C2630" s="12" t="s">
        <v>545</v>
      </c>
    </row>
    <row r="2631" spans="1:3" ht="24">
      <c r="A2631" s="13">
        <v>2629</v>
      </c>
      <c r="B2631" s="11" t="s">
        <v>1359</v>
      </c>
      <c r="C2631" s="3" t="s">
        <v>1360</v>
      </c>
    </row>
    <row r="2632" spans="1:3" ht="24">
      <c r="A2632" s="13">
        <v>2630</v>
      </c>
      <c r="B2632" s="11" t="s">
        <v>1361</v>
      </c>
      <c r="C2632" s="3" t="s">
        <v>1360</v>
      </c>
    </row>
    <row r="2633" spans="1:3" ht="24">
      <c r="A2633" s="10">
        <v>2631</v>
      </c>
      <c r="B2633" s="11" t="s">
        <v>1362</v>
      </c>
      <c r="C2633" s="3" t="s">
        <v>1360</v>
      </c>
    </row>
    <row r="2634" spans="1:3" ht="24">
      <c r="A2634" s="13">
        <v>2632</v>
      </c>
      <c r="B2634" s="11" t="s">
        <v>102</v>
      </c>
      <c r="C2634" s="3" t="s">
        <v>1360</v>
      </c>
    </row>
    <row r="2635" spans="1:3" ht="24">
      <c r="A2635" s="13">
        <v>2633</v>
      </c>
      <c r="B2635" s="11" t="s">
        <v>1363</v>
      </c>
      <c r="C2635" s="3" t="s">
        <v>1360</v>
      </c>
    </row>
    <row r="2636" spans="1:3" ht="24">
      <c r="A2636" s="13">
        <v>2634</v>
      </c>
      <c r="B2636" s="11" t="s">
        <v>82</v>
      </c>
      <c r="C2636" s="3" t="s">
        <v>1360</v>
      </c>
    </row>
    <row r="2637" spans="1:3" ht="31.5">
      <c r="A2637" s="10">
        <v>2635</v>
      </c>
      <c r="B2637" s="11" t="s">
        <v>1364</v>
      </c>
      <c r="C2637" s="3" t="s">
        <v>1360</v>
      </c>
    </row>
    <row r="2638" spans="1:3" ht="24">
      <c r="A2638" s="13">
        <v>2636</v>
      </c>
      <c r="B2638" s="11" t="s">
        <v>1365</v>
      </c>
      <c r="C2638" s="3" t="s">
        <v>1360</v>
      </c>
    </row>
    <row r="2639" spans="1:3" ht="24">
      <c r="A2639" s="13">
        <v>2637</v>
      </c>
      <c r="B2639" s="11" t="s">
        <v>1366</v>
      </c>
      <c r="C2639" s="3" t="s">
        <v>1360</v>
      </c>
    </row>
    <row r="2640" spans="1:3" ht="24">
      <c r="A2640" s="13">
        <v>2638</v>
      </c>
      <c r="B2640" s="11" t="s">
        <v>1367</v>
      </c>
      <c r="C2640" s="3" t="s">
        <v>1360</v>
      </c>
    </row>
    <row r="2641" spans="1:3" ht="24">
      <c r="A2641" s="10">
        <v>2639</v>
      </c>
      <c r="B2641" s="11" t="s">
        <v>1368</v>
      </c>
      <c r="C2641" s="3" t="s">
        <v>1360</v>
      </c>
    </row>
    <row r="2642" spans="1:3" ht="24">
      <c r="A2642" s="13">
        <v>2640</v>
      </c>
      <c r="B2642" s="11" t="s">
        <v>1369</v>
      </c>
      <c r="C2642" s="3" t="s">
        <v>1360</v>
      </c>
    </row>
    <row r="2643" spans="1:3" ht="24">
      <c r="A2643" s="13">
        <v>2641</v>
      </c>
      <c r="B2643" s="11" t="s">
        <v>1370</v>
      </c>
      <c r="C2643" s="3" t="s">
        <v>1360</v>
      </c>
    </row>
    <row r="2644" spans="1:3" ht="24">
      <c r="A2644" s="13">
        <v>2642</v>
      </c>
      <c r="B2644" s="11" t="s">
        <v>1371</v>
      </c>
      <c r="C2644" s="3" t="s">
        <v>1360</v>
      </c>
    </row>
    <row r="2645" spans="1:3" ht="24">
      <c r="A2645" s="10">
        <v>2643</v>
      </c>
      <c r="B2645" s="11" t="s">
        <v>1372</v>
      </c>
      <c r="C2645" s="3" t="s">
        <v>1360</v>
      </c>
    </row>
    <row r="2646" spans="1:3" ht="24">
      <c r="A2646" s="13">
        <v>2644</v>
      </c>
      <c r="B2646" s="11" t="s">
        <v>1372</v>
      </c>
      <c r="C2646" s="3" t="s">
        <v>1360</v>
      </c>
    </row>
    <row r="2647" spans="1:3" ht="24">
      <c r="A2647" s="13">
        <v>2645</v>
      </c>
      <c r="B2647" s="11" t="s">
        <v>1373</v>
      </c>
      <c r="C2647" s="3" t="s">
        <v>1360</v>
      </c>
    </row>
    <row r="2648" spans="1:3" ht="24">
      <c r="A2648" s="13">
        <v>2646</v>
      </c>
      <c r="B2648" s="11" t="s">
        <v>1374</v>
      </c>
      <c r="C2648" s="3" t="s">
        <v>1360</v>
      </c>
    </row>
    <row r="2649" spans="1:3" ht="24">
      <c r="A2649" s="10">
        <v>2647</v>
      </c>
      <c r="B2649" s="11" t="s">
        <v>1375</v>
      </c>
      <c r="C2649" s="3" t="s">
        <v>1360</v>
      </c>
    </row>
    <row r="2650" spans="1:3" ht="24">
      <c r="A2650" s="13">
        <v>2648</v>
      </c>
      <c r="B2650" s="11" t="s">
        <v>1376</v>
      </c>
      <c r="C2650" s="3" t="s">
        <v>1360</v>
      </c>
    </row>
    <row r="2651" spans="1:3" ht="24">
      <c r="A2651" s="13">
        <v>2649</v>
      </c>
      <c r="B2651" s="11" t="s">
        <v>1377</v>
      </c>
      <c r="C2651" s="3" t="s">
        <v>1360</v>
      </c>
    </row>
    <row r="2652" spans="1:3" ht="24">
      <c r="A2652" s="13">
        <v>2650</v>
      </c>
      <c r="B2652" s="11" t="s">
        <v>1378</v>
      </c>
      <c r="C2652" s="3" t="s">
        <v>1360</v>
      </c>
    </row>
    <row r="2653" spans="1:3" ht="24">
      <c r="A2653" s="10">
        <v>2651</v>
      </c>
      <c r="B2653" s="10" t="s">
        <v>1379</v>
      </c>
      <c r="C2653" s="3" t="s">
        <v>1360</v>
      </c>
    </row>
    <row r="2654" spans="1:3" ht="24">
      <c r="A2654" s="13">
        <v>2652</v>
      </c>
      <c r="B2654" s="10" t="s">
        <v>1380</v>
      </c>
      <c r="C2654" s="3" t="s">
        <v>1360</v>
      </c>
    </row>
    <row r="2655" spans="1:3" ht="24">
      <c r="A2655" s="13">
        <v>2653</v>
      </c>
      <c r="B2655" s="10" t="s">
        <v>1381</v>
      </c>
      <c r="C2655" s="3" t="s">
        <v>1360</v>
      </c>
    </row>
    <row r="2656" spans="1:3" ht="24">
      <c r="A2656" s="13">
        <v>2654</v>
      </c>
      <c r="B2656" s="11" t="s">
        <v>833</v>
      </c>
      <c r="C2656" s="3" t="s">
        <v>1360</v>
      </c>
    </row>
    <row r="2657" spans="1:3" ht="24">
      <c r="A2657" s="10">
        <v>2655</v>
      </c>
      <c r="B2657" s="20" t="s">
        <v>1382</v>
      </c>
      <c r="C2657" s="3" t="s">
        <v>1360</v>
      </c>
    </row>
    <row r="2658" spans="1:3" ht="24">
      <c r="A2658" s="13">
        <v>2656</v>
      </c>
      <c r="B2658" s="17" t="s">
        <v>1383</v>
      </c>
      <c r="C2658" s="3" t="s">
        <v>1360</v>
      </c>
    </row>
    <row r="2659" spans="1:3" ht="24">
      <c r="A2659" s="13">
        <v>2657</v>
      </c>
      <c r="B2659" s="10" t="s">
        <v>1384</v>
      </c>
      <c r="C2659" s="3" t="s">
        <v>1360</v>
      </c>
    </row>
    <row r="2660" spans="1:3" ht="24">
      <c r="A2660" s="13">
        <v>2658</v>
      </c>
      <c r="B2660" s="20" t="s">
        <v>1385</v>
      </c>
      <c r="C2660" s="3" t="s">
        <v>1360</v>
      </c>
    </row>
    <row r="2661" spans="1:3" ht="24">
      <c r="A2661" s="10">
        <v>2659</v>
      </c>
      <c r="B2661" s="11" t="s">
        <v>1386</v>
      </c>
      <c r="C2661" s="3" t="s">
        <v>1360</v>
      </c>
    </row>
    <row r="2662" spans="1:3" ht="24">
      <c r="A2662" s="13">
        <v>2660</v>
      </c>
      <c r="B2662" s="11" t="s">
        <v>1386</v>
      </c>
      <c r="C2662" s="3" t="s">
        <v>1360</v>
      </c>
    </row>
    <row r="2663" spans="1:3" ht="24">
      <c r="A2663" s="13">
        <v>2661</v>
      </c>
      <c r="B2663" s="11" t="s">
        <v>1387</v>
      </c>
      <c r="C2663" s="3" t="s">
        <v>1360</v>
      </c>
    </row>
    <row r="2664" spans="1:3" ht="31.5">
      <c r="A2664" s="13">
        <v>2662</v>
      </c>
      <c r="B2664" s="11" t="s">
        <v>1388</v>
      </c>
      <c r="C2664" s="3" t="s">
        <v>1360</v>
      </c>
    </row>
    <row r="2665" spans="1:3" ht="24">
      <c r="A2665" s="10">
        <v>2663</v>
      </c>
      <c r="B2665" s="11" t="s">
        <v>1389</v>
      </c>
      <c r="C2665" s="3" t="s">
        <v>1360</v>
      </c>
    </row>
    <row r="2666" spans="1:3" ht="24">
      <c r="A2666" s="13">
        <v>2664</v>
      </c>
      <c r="B2666" s="11" t="s">
        <v>1390</v>
      </c>
      <c r="C2666" s="3" t="s">
        <v>1360</v>
      </c>
    </row>
    <row r="2667" spans="1:3" ht="24">
      <c r="A2667" s="13">
        <v>2665</v>
      </c>
      <c r="B2667" s="11" t="s">
        <v>1390</v>
      </c>
      <c r="C2667" s="3" t="s">
        <v>1360</v>
      </c>
    </row>
    <row r="2668" spans="1:3" ht="24">
      <c r="A2668" s="13">
        <v>2666</v>
      </c>
      <c r="B2668" s="11" t="s">
        <v>1391</v>
      </c>
      <c r="C2668" s="3" t="s">
        <v>1360</v>
      </c>
    </row>
    <row r="2669" spans="1:3" ht="24">
      <c r="A2669" s="10">
        <v>2667</v>
      </c>
      <c r="B2669" s="11" t="s">
        <v>1391</v>
      </c>
      <c r="C2669" s="3" t="s">
        <v>1360</v>
      </c>
    </row>
    <row r="2670" spans="1:3" ht="24">
      <c r="A2670" s="13">
        <v>2668</v>
      </c>
      <c r="B2670" s="11" t="s">
        <v>1392</v>
      </c>
      <c r="C2670" s="3" t="s">
        <v>1360</v>
      </c>
    </row>
    <row r="2671" spans="1:3" ht="24">
      <c r="A2671" s="13">
        <v>2669</v>
      </c>
      <c r="B2671" s="11" t="s">
        <v>1393</v>
      </c>
      <c r="C2671" s="3" t="s">
        <v>1360</v>
      </c>
    </row>
    <row r="2672" spans="1:3" ht="24">
      <c r="A2672" s="13">
        <v>2670</v>
      </c>
      <c r="B2672" s="11" t="s">
        <v>331</v>
      </c>
      <c r="C2672" s="3" t="s">
        <v>1360</v>
      </c>
    </row>
    <row r="2673" spans="1:3" ht="24">
      <c r="A2673" s="10">
        <v>2671</v>
      </c>
      <c r="B2673" s="11" t="s">
        <v>1394</v>
      </c>
      <c r="C2673" s="3" t="s">
        <v>1360</v>
      </c>
    </row>
    <row r="2674" spans="1:3" ht="24">
      <c r="A2674" s="13">
        <v>2672</v>
      </c>
      <c r="B2674" s="11" t="s">
        <v>1395</v>
      </c>
      <c r="C2674" s="3" t="s">
        <v>1360</v>
      </c>
    </row>
    <row r="2675" spans="1:3" ht="24">
      <c r="A2675" s="13">
        <v>2673</v>
      </c>
      <c r="B2675" s="11" t="s">
        <v>1396</v>
      </c>
      <c r="C2675" s="3" t="s">
        <v>1360</v>
      </c>
    </row>
    <row r="2676" spans="1:3" ht="24">
      <c r="A2676" s="13">
        <v>2674</v>
      </c>
      <c r="B2676" s="11" t="s">
        <v>1060</v>
      </c>
      <c r="C2676" s="3" t="s">
        <v>1360</v>
      </c>
    </row>
    <row r="2677" spans="1:3" ht="24">
      <c r="A2677" s="10">
        <v>2675</v>
      </c>
      <c r="B2677" s="11" t="s">
        <v>1397</v>
      </c>
      <c r="C2677" s="3" t="s">
        <v>1360</v>
      </c>
    </row>
    <row r="2678" spans="1:3" ht="24">
      <c r="A2678" s="13">
        <v>2676</v>
      </c>
      <c r="B2678" s="11" t="s">
        <v>1398</v>
      </c>
      <c r="C2678" s="3" t="s">
        <v>1360</v>
      </c>
    </row>
    <row r="2679" spans="1:3" ht="24">
      <c r="A2679" s="13">
        <v>2677</v>
      </c>
      <c r="B2679" s="11" t="s">
        <v>1399</v>
      </c>
      <c r="C2679" s="3" t="s">
        <v>1360</v>
      </c>
    </row>
    <row r="2680" spans="1:3" ht="24">
      <c r="A2680" s="13">
        <v>2678</v>
      </c>
      <c r="B2680" s="11" t="s">
        <v>1399</v>
      </c>
      <c r="C2680" s="3" t="s">
        <v>1360</v>
      </c>
    </row>
    <row r="2681" spans="1:3" ht="24">
      <c r="A2681" s="10">
        <v>2679</v>
      </c>
      <c r="B2681" s="11" t="s">
        <v>1399</v>
      </c>
      <c r="C2681" s="3" t="s">
        <v>1360</v>
      </c>
    </row>
    <row r="2682" spans="1:3" ht="24">
      <c r="A2682" s="13">
        <v>2680</v>
      </c>
      <c r="B2682" s="11" t="s">
        <v>1399</v>
      </c>
      <c r="C2682" s="3" t="s">
        <v>1360</v>
      </c>
    </row>
    <row r="2683" spans="1:3" ht="24">
      <c r="A2683" s="13">
        <v>2681</v>
      </c>
      <c r="B2683" s="11" t="s">
        <v>1400</v>
      </c>
      <c r="C2683" s="3" t="s">
        <v>1360</v>
      </c>
    </row>
    <row r="2684" spans="1:3" ht="24">
      <c r="A2684" s="13">
        <v>2682</v>
      </c>
      <c r="B2684" s="11" t="s">
        <v>1400</v>
      </c>
      <c r="C2684" s="3" t="s">
        <v>1360</v>
      </c>
    </row>
    <row r="2685" spans="1:3" ht="24">
      <c r="A2685" s="10">
        <v>2683</v>
      </c>
      <c r="B2685" s="11" t="s">
        <v>1402</v>
      </c>
      <c r="C2685" s="3" t="s">
        <v>1360</v>
      </c>
    </row>
    <row r="2686" spans="1:3" ht="24">
      <c r="A2686" s="13">
        <v>2684</v>
      </c>
      <c r="B2686" s="11" t="s">
        <v>1392</v>
      </c>
      <c r="C2686" s="3" t="s">
        <v>1360</v>
      </c>
    </row>
    <row r="2687" spans="1:3" ht="24">
      <c r="A2687" s="13">
        <v>2685</v>
      </c>
      <c r="B2687" s="11" t="s">
        <v>1392</v>
      </c>
      <c r="C2687" s="3" t="s">
        <v>1360</v>
      </c>
    </row>
    <row r="2688" spans="1:3" ht="24">
      <c r="A2688" s="13">
        <v>2686</v>
      </c>
      <c r="B2688" s="11" t="s">
        <v>1392</v>
      </c>
      <c r="C2688" s="3" t="s">
        <v>1360</v>
      </c>
    </row>
    <row r="2689" spans="1:3" ht="24">
      <c r="A2689" s="10">
        <v>2687</v>
      </c>
      <c r="B2689" s="11" t="s">
        <v>1392</v>
      </c>
      <c r="C2689" s="3" t="s">
        <v>1360</v>
      </c>
    </row>
    <row r="2690" spans="1:3" ht="24">
      <c r="A2690" s="13">
        <v>2688</v>
      </c>
      <c r="B2690" s="11" t="s">
        <v>1392</v>
      </c>
      <c r="C2690" s="3" t="s">
        <v>1360</v>
      </c>
    </row>
    <row r="2691" spans="1:3" ht="24">
      <c r="A2691" s="13">
        <v>2689</v>
      </c>
      <c r="B2691" s="11" t="s">
        <v>1386</v>
      </c>
      <c r="C2691" s="3" t="s">
        <v>1360</v>
      </c>
    </row>
    <row r="2692" spans="1:3" ht="24">
      <c r="A2692" s="13">
        <v>2690</v>
      </c>
      <c r="B2692" s="11" t="s">
        <v>1386</v>
      </c>
      <c r="C2692" s="3" t="s">
        <v>1360</v>
      </c>
    </row>
    <row r="2693" spans="1:3" ht="24">
      <c r="A2693" s="10">
        <v>2691</v>
      </c>
      <c r="B2693" s="11" t="s">
        <v>1386</v>
      </c>
      <c r="C2693" s="3" t="s">
        <v>1360</v>
      </c>
    </row>
    <row r="2694" spans="1:3" ht="24">
      <c r="A2694" s="13">
        <v>2692</v>
      </c>
      <c r="B2694" s="11" t="s">
        <v>1386</v>
      </c>
      <c r="C2694" s="3" t="s">
        <v>1360</v>
      </c>
    </row>
    <row r="2695" spans="1:3" ht="24">
      <c r="A2695" s="13">
        <v>2693</v>
      </c>
      <c r="B2695" s="11" t="s">
        <v>1403</v>
      </c>
      <c r="C2695" s="3" t="s">
        <v>1360</v>
      </c>
    </row>
    <row r="2696" spans="1:3" ht="24">
      <c r="A2696" s="13">
        <v>2694</v>
      </c>
      <c r="B2696" s="11" t="s">
        <v>1404</v>
      </c>
      <c r="C2696" s="3" t="s">
        <v>1360</v>
      </c>
    </row>
    <row r="2697" spans="1:3" ht="24">
      <c r="A2697" s="10">
        <v>2695</v>
      </c>
      <c r="B2697" s="11" t="s">
        <v>1405</v>
      </c>
      <c r="C2697" s="3" t="s">
        <v>1360</v>
      </c>
    </row>
    <row r="2698" spans="1:3" ht="24">
      <c r="A2698" s="13">
        <v>2696</v>
      </c>
      <c r="B2698" s="11" t="s">
        <v>1406</v>
      </c>
      <c r="C2698" s="3" t="s">
        <v>1360</v>
      </c>
    </row>
    <row r="2699" spans="1:3" ht="24">
      <c r="A2699" s="13">
        <v>2697</v>
      </c>
      <c r="B2699" s="10" t="s">
        <v>1407</v>
      </c>
      <c r="C2699" s="3" t="s">
        <v>1360</v>
      </c>
    </row>
    <row r="2700" spans="1:3" ht="24">
      <c r="A2700" s="13">
        <v>2698</v>
      </c>
      <c r="B2700" s="15" t="s">
        <v>1408</v>
      </c>
      <c r="C2700" s="3" t="s">
        <v>1360</v>
      </c>
    </row>
    <row r="2701" spans="1:3" ht="24">
      <c r="A2701" s="10">
        <v>2699</v>
      </c>
      <c r="B2701" s="10" t="s">
        <v>1409</v>
      </c>
      <c r="C2701" s="3" t="s">
        <v>1360</v>
      </c>
    </row>
    <row r="2702" spans="1:3" ht="24">
      <c r="A2702" s="13">
        <v>2700</v>
      </c>
      <c r="B2702" s="10" t="s">
        <v>1410</v>
      </c>
      <c r="C2702" s="3" t="s">
        <v>1360</v>
      </c>
    </row>
    <row r="2703" spans="1:3" ht="24">
      <c r="A2703" s="13">
        <v>2701</v>
      </c>
      <c r="B2703" s="10" t="s">
        <v>1411</v>
      </c>
      <c r="C2703" s="3" t="s">
        <v>1360</v>
      </c>
    </row>
    <row r="2704" spans="1:3" ht="24">
      <c r="A2704" s="13">
        <v>2702</v>
      </c>
      <c r="B2704" s="10" t="s">
        <v>1412</v>
      </c>
      <c r="C2704" s="3" t="s">
        <v>1360</v>
      </c>
    </row>
    <row r="2705" spans="1:3" ht="24">
      <c r="A2705" s="10">
        <v>2703</v>
      </c>
      <c r="B2705" s="10" t="s">
        <v>1413</v>
      </c>
      <c r="C2705" s="3" t="s">
        <v>1360</v>
      </c>
    </row>
    <row r="2706" spans="1:3" ht="24">
      <c r="A2706" s="13">
        <v>2704</v>
      </c>
      <c r="B2706" s="17" t="s">
        <v>1414</v>
      </c>
      <c r="C2706" s="3" t="s">
        <v>1360</v>
      </c>
    </row>
    <row r="2707" spans="1:3" ht="31.5">
      <c r="A2707" s="13">
        <v>2705</v>
      </c>
      <c r="B2707" s="10" t="s">
        <v>1415</v>
      </c>
      <c r="C2707" s="3" t="s">
        <v>1360</v>
      </c>
    </row>
    <row r="2708" spans="1:3" ht="31.5">
      <c r="A2708" s="13">
        <v>2706</v>
      </c>
      <c r="B2708" s="15" t="s">
        <v>1416</v>
      </c>
      <c r="C2708" s="3" t="s">
        <v>1360</v>
      </c>
    </row>
    <row r="2709" spans="1:3" ht="31.5">
      <c r="A2709" s="10">
        <v>2707</v>
      </c>
      <c r="B2709" s="10" t="s">
        <v>1417</v>
      </c>
      <c r="C2709" s="3" t="s">
        <v>1360</v>
      </c>
    </row>
    <row r="2710" spans="1:3" ht="24">
      <c r="A2710" s="13">
        <v>2708</v>
      </c>
      <c r="B2710" s="10" t="s">
        <v>1418</v>
      </c>
      <c r="C2710" s="3" t="s">
        <v>1360</v>
      </c>
    </row>
    <row r="2711" spans="1:3" ht="24">
      <c r="A2711" s="13">
        <v>2709</v>
      </c>
      <c r="B2711" s="19" t="s">
        <v>482</v>
      </c>
      <c r="C2711" s="3" t="s">
        <v>1360</v>
      </c>
    </row>
    <row r="2712" spans="1:3" ht="24">
      <c r="A2712" s="13">
        <v>2710</v>
      </c>
      <c r="B2712" s="10" t="s">
        <v>1419</v>
      </c>
      <c r="C2712" s="3" t="s">
        <v>1360</v>
      </c>
    </row>
    <row r="2713" spans="1:3" ht="15.75">
      <c r="A2713" s="10">
        <v>2711</v>
      </c>
      <c r="B2713" s="10" t="s">
        <v>1420</v>
      </c>
      <c r="C2713" s="36" t="s">
        <v>1421</v>
      </c>
    </row>
    <row r="2714" spans="1:3" ht="15.75">
      <c r="A2714" s="13">
        <v>2712</v>
      </c>
      <c r="B2714" s="10" t="s">
        <v>1422</v>
      </c>
      <c r="C2714" s="36" t="s">
        <v>1421</v>
      </c>
    </row>
    <row r="2715" spans="1:3" ht="15.75">
      <c r="A2715" s="13">
        <v>2713</v>
      </c>
      <c r="B2715" s="10" t="s">
        <v>125</v>
      </c>
      <c r="C2715" s="36" t="s">
        <v>1421</v>
      </c>
    </row>
    <row r="2716" spans="1:3" ht="15.75">
      <c r="A2716" s="13">
        <v>2714</v>
      </c>
      <c r="B2716" s="10" t="s">
        <v>1377</v>
      </c>
      <c r="C2716" s="36" t="s">
        <v>1421</v>
      </c>
    </row>
    <row r="2717" spans="1:3" ht="15.75">
      <c r="A2717" s="10">
        <v>2715</v>
      </c>
      <c r="B2717" s="10" t="s">
        <v>1423</v>
      </c>
      <c r="C2717" s="36" t="s">
        <v>1421</v>
      </c>
    </row>
    <row r="2718" spans="1:3" ht="15.75">
      <c r="A2718" s="13">
        <v>2716</v>
      </c>
      <c r="B2718" s="10" t="s">
        <v>347</v>
      </c>
      <c r="C2718" s="36" t="s">
        <v>1421</v>
      </c>
    </row>
    <row r="2719" spans="1:3" ht="15.75">
      <c r="A2719" s="13">
        <v>2717</v>
      </c>
      <c r="B2719" s="10" t="s">
        <v>1424</v>
      </c>
      <c r="C2719" s="36" t="s">
        <v>1421</v>
      </c>
    </row>
    <row r="2720" spans="1:3" ht="15.75">
      <c r="A2720" s="13">
        <v>2718</v>
      </c>
      <c r="B2720" s="10" t="s">
        <v>1425</v>
      </c>
      <c r="C2720" s="36" t="s">
        <v>1421</v>
      </c>
    </row>
    <row r="2721" spans="1:3" ht="15.75">
      <c r="A2721" s="10">
        <v>2719</v>
      </c>
      <c r="B2721" s="10" t="s">
        <v>1426</v>
      </c>
      <c r="C2721" s="36" t="s">
        <v>1421</v>
      </c>
    </row>
    <row r="2722" spans="1:3" ht="15.75">
      <c r="A2722" s="13">
        <v>2720</v>
      </c>
      <c r="B2722" s="10" t="s">
        <v>1427</v>
      </c>
      <c r="C2722" s="36" t="s">
        <v>1421</v>
      </c>
    </row>
    <row r="2723" spans="1:3" ht="15.75">
      <c r="A2723" s="13">
        <v>2721</v>
      </c>
      <c r="B2723" s="10" t="s">
        <v>1428</v>
      </c>
      <c r="C2723" s="36" t="s">
        <v>1421</v>
      </c>
    </row>
    <row r="2724" spans="1:3" ht="15.75">
      <c r="A2724" s="13">
        <v>2722</v>
      </c>
      <c r="B2724" s="10" t="s">
        <v>1429</v>
      </c>
      <c r="C2724" s="36" t="s">
        <v>1421</v>
      </c>
    </row>
    <row r="2725" spans="1:3" ht="15.75">
      <c r="A2725" s="10">
        <v>2723</v>
      </c>
      <c r="B2725" s="10" t="s">
        <v>1430</v>
      </c>
      <c r="C2725" s="36" t="s">
        <v>1421</v>
      </c>
    </row>
    <row r="2726" spans="1:3" ht="15.75">
      <c r="A2726" s="13">
        <v>2724</v>
      </c>
      <c r="B2726" s="10" t="s">
        <v>1430</v>
      </c>
      <c r="C2726" s="36" t="s">
        <v>1421</v>
      </c>
    </row>
    <row r="2727" spans="1:3" ht="15.75">
      <c r="A2727" s="13">
        <v>2725</v>
      </c>
      <c r="B2727" s="10" t="s">
        <v>1431</v>
      </c>
      <c r="C2727" s="36" t="s">
        <v>1421</v>
      </c>
    </row>
    <row r="2728" spans="1:3" ht="15.75">
      <c r="A2728" s="13">
        <v>2726</v>
      </c>
      <c r="B2728" s="10" t="s">
        <v>1432</v>
      </c>
      <c r="C2728" s="36" t="s">
        <v>1421</v>
      </c>
    </row>
    <row r="2729" spans="1:3" ht="15.75">
      <c r="A2729" s="10">
        <v>2727</v>
      </c>
      <c r="B2729" s="10" t="s">
        <v>1433</v>
      </c>
      <c r="C2729" s="36" t="s">
        <v>1421</v>
      </c>
    </row>
    <row r="2730" spans="1:3" ht="15.75">
      <c r="A2730" s="13">
        <v>2728</v>
      </c>
      <c r="B2730" s="18" t="s">
        <v>1434</v>
      </c>
      <c r="C2730" s="36" t="s">
        <v>1421</v>
      </c>
    </row>
    <row r="2731" spans="1:3" ht="15.75">
      <c r="A2731" s="13">
        <v>2729</v>
      </c>
      <c r="B2731" s="10" t="s">
        <v>1435</v>
      </c>
      <c r="C2731" s="36" t="s">
        <v>1421</v>
      </c>
    </row>
    <row r="2732" spans="1:3" ht="31.5">
      <c r="A2732" s="13">
        <v>2730</v>
      </c>
      <c r="B2732" s="10" t="s">
        <v>1436</v>
      </c>
      <c r="C2732" s="36" t="s">
        <v>1421</v>
      </c>
    </row>
    <row r="2733" spans="1:3" ht="15.75">
      <c r="A2733" s="10">
        <v>2731</v>
      </c>
      <c r="B2733" s="10" t="s">
        <v>1437</v>
      </c>
      <c r="C2733" s="36" t="s">
        <v>1421</v>
      </c>
    </row>
    <row r="2734" spans="1:3" ht="15.75">
      <c r="A2734" s="13">
        <v>2732</v>
      </c>
      <c r="B2734" s="10" t="s">
        <v>1438</v>
      </c>
      <c r="C2734" s="36" t="s">
        <v>1421</v>
      </c>
    </row>
    <row r="2735" spans="1:3" ht="15.75">
      <c r="A2735" s="13">
        <v>2733</v>
      </c>
      <c r="B2735" s="10" t="s">
        <v>1439</v>
      </c>
      <c r="C2735" s="36" t="s">
        <v>1421</v>
      </c>
    </row>
    <row r="2736" spans="1:3" ht="15.75">
      <c r="A2736" s="13">
        <v>2734</v>
      </c>
      <c r="B2736" s="10" t="s">
        <v>1440</v>
      </c>
      <c r="C2736" s="36" t="s">
        <v>1421</v>
      </c>
    </row>
    <row r="2737" spans="1:3" ht="15.75">
      <c r="A2737" s="10">
        <v>2735</v>
      </c>
      <c r="B2737" s="10" t="s">
        <v>1441</v>
      </c>
      <c r="C2737" s="36" t="s">
        <v>1421</v>
      </c>
    </row>
    <row r="2738" spans="1:3" ht="15.75">
      <c r="A2738" s="13">
        <v>2736</v>
      </c>
      <c r="B2738" s="10" t="s">
        <v>1442</v>
      </c>
      <c r="C2738" s="36" t="s">
        <v>1421</v>
      </c>
    </row>
    <row r="2739" spans="1:3" ht="15.75">
      <c r="A2739" s="13">
        <v>2737</v>
      </c>
      <c r="B2739" s="10" t="s">
        <v>1443</v>
      </c>
      <c r="C2739" s="36" t="s">
        <v>1421</v>
      </c>
    </row>
    <row r="2740" spans="1:3" ht="15.75">
      <c r="A2740" s="13">
        <v>2738</v>
      </c>
      <c r="B2740" s="10" t="s">
        <v>1444</v>
      </c>
      <c r="C2740" s="36" t="s">
        <v>1421</v>
      </c>
    </row>
    <row r="2741" spans="1:3" ht="15.75">
      <c r="A2741" s="10">
        <v>2739</v>
      </c>
      <c r="B2741" s="10" t="s">
        <v>660</v>
      </c>
      <c r="C2741" s="36" t="s">
        <v>1421</v>
      </c>
    </row>
    <row r="2742" spans="1:3" ht="15.75">
      <c r="A2742" s="13">
        <v>2740</v>
      </c>
      <c r="B2742" s="10" t="s">
        <v>1445</v>
      </c>
      <c r="C2742" s="36" t="s">
        <v>1421</v>
      </c>
    </row>
    <row r="2743" spans="1:3" ht="15.75">
      <c r="A2743" s="13">
        <v>2741</v>
      </c>
      <c r="B2743" s="10" t="s">
        <v>1446</v>
      </c>
      <c r="C2743" s="36" t="s">
        <v>1421</v>
      </c>
    </row>
    <row r="2744" spans="1:3" ht="15.75">
      <c r="A2744" s="13">
        <v>2742</v>
      </c>
      <c r="B2744" s="10" t="s">
        <v>1447</v>
      </c>
      <c r="C2744" s="36" t="s">
        <v>1421</v>
      </c>
    </row>
    <row r="2745" spans="1:3" ht="15.75">
      <c r="A2745" s="10">
        <v>2743</v>
      </c>
      <c r="B2745" s="10" t="s">
        <v>1448</v>
      </c>
      <c r="C2745" s="36" t="s">
        <v>1421</v>
      </c>
    </row>
    <row r="2746" spans="1:3" ht="15.75">
      <c r="A2746" s="13">
        <v>2744</v>
      </c>
      <c r="B2746" s="10" t="s">
        <v>1449</v>
      </c>
      <c r="C2746" s="36" t="s">
        <v>1421</v>
      </c>
    </row>
    <row r="2747" spans="1:3" ht="15.75">
      <c r="A2747" s="13">
        <v>2745</v>
      </c>
      <c r="B2747" s="10" t="s">
        <v>1449</v>
      </c>
      <c r="C2747" s="36" t="s">
        <v>1421</v>
      </c>
    </row>
    <row r="2748" spans="1:3" ht="15.75">
      <c r="A2748" s="13">
        <v>2746</v>
      </c>
      <c r="B2748" s="10" t="s">
        <v>1450</v>
      </c>
      <c r="C2748" s="36" t="s">
        <v>1421</v>
      </c>
    </row>
    <row r="2749" spans="1:3" ht="15.75">
      <c r="A2749" s="10">
        <v>2747</v>
      </c>
      <c r="B2749" s="10" t="s">
        <v>1451</v>
      </c>
      <c r="C2749" s="36" t="s">
        <v>1421</v>
      </c>
    </row>
    <row r="2750" spans="1:3" ht="15.75">
      <c r="A2750" s="13">
        <v>2748</v>
      </c>
      <c r="B2750" s="10" t="s">
        <v>1452</v>
      </c>
      <c r="C2750" s="36" t="s">
        <v>1421</v>
      </c>
    </row>
    <row r="2751" spans="1:3" ht="15.75">
      <c r="A2751" s="13">
        <v>2749</v>
      </c>
      <c r="B2751" s="10" t="s">
        <v>1453</v>
      </c>
      <c r="C2751" s="36" t="s">
        <v>1421</v>
      </c>
    </row>
    <row r="2752" spans="1:3" ht="15.75">
      <c r="A2752" s="13">
        <v>2750</v>
      </c>
      <c r="B2752" s="10" t="s">
        <v>1454</v>
      </c>
      <c r="C2752" s="36" t="s">
        <v>1421</v>
      </c>
    </row>
    <row r="2753" spans="1:3" ht="15.75">
      <c r="A2753" s="10">
        <v>2751</v>
      </c>
      <c r="B2753" s="10" t="s">
        <v>1454</v>
      </c>
      <c r="C2753" s="36" t="s">
        <v>1421</v>
      </c>
    </row>
    <row r="2754" spans="1:3" ht="15.75">
      <c r="A2754" s="13">
        <v>2752</v>
      </c>
      <c r="B2754" s="10" t="s">
        <v>1454</v>
      </c>
      <c r="C2754" s="36" t="s">
        <v>1421</v>
      </c>
    </row>
    <row r="2755" spans="1:3" ht="15.75">
      <c r="A2755" s="13">
        <v>2753</v>
      </c>
      <c r="B2755" s="10" t="s">
        <v>1455</v>
      </c>
      <c r="C2755" s="36" t="s">
        <v>1421</v>
      </c>
    </row>
    <row r="2756" spans="1:3" ht="15.75">
      <c r="A2756" s="13">
        <v>2754</v>
      </c>
      <c r="B2756" s="10" t="s">
        <v>1456</v>
      </c>
      <c r="C2756" s="36" t="s">
        <v>1421</v>
      </c>
    </row>
    <row r="2757" spans="1:3" ht="15.75">
      <c r="A2757" s="10">
        <v>2755</v>
      </c>
      <c r="B2757" s="10" t="s">
        <v>1457</v>
      </c>
      <c r="C2757" s="36" t="s">
        <v>1421</v>
      </c>
    </row>
    <row r="2758" spans="1:3" ht="15.75">
      <c r="A2758" s="13">
        <v>2756</v>
      </c>
      <c r="B2758" s="10" t="s">
        <v>1458</v>
      </c>
      <c r="C2758" s="36" t="s">
        <v>1421</v>
      </c>
    </row>
    <row r="2759" spans="1:3" ht="15.75">
      <c r="A2759" s="13">
        <v>2757</v>
      </c>
      <c r="B2759" s="10" t="s">
        <v>1459</v>
      </c>
      <c r="C2759" s="36" t="s">
        <v>1421</v>
      </c>
    </row>
    <row r="2760" spans="1:3" ht="15.75">
      <c r="A2760" s="13">
        <v>2758</v>
      </c>
      <c r="B2760" s="10" t="s">
        <v>1459</v>
      </c>
      <c r="C2760" s="36" t="s">
        <v>1421</v>
      </c>
    </row>
    <row r="2761" spans="1:3" ht="15.75">
      <c r="A2761" s="10">
        <v>2759</v>
      </c>
      <c r="B2761" s="10" t="s">
        <v>1460</v>
      </c>
      <c r="C2761" s="36" t="s">
        <v>1421</v>
      </c>
    </row>
    <row r="2762" spans="1:3" ht="15.75">
      <c r="A2762" s="13">
        <v>2760</v>
      </c>
      <c r="B2762" s="10" t="s">
        <v>1461</v>
      </c>
      <c r="C2762" s="36" t="s">
        <v>1421</v>
      </c>
    </row>
    <row r="2763" spans="1:3" ht="15.75">
      <c r="A2763" s="13">
        <v>2761</v>
      </c>
      <c r="B2763" s="20" t="s">
        <v>1462</v>
      </c>
      <c r="C2763" s="36" t="s">
        <v>1421</v>
      </c>
    </row>
    <row r="2764" spans="1:3" ht="15.75">
      <c r="A2764" s="13">
        <v>2762</v>
      </c>
      <c r="B2764" s="10" t="s">
        <v>1463</v>
      </c>
      <c r="C2764" s="36" t="s">
        <v>1421</v>
      </c>
    </row>
    <row r="2765" spans="1:3" ht="15.75">
      <c r="A2765" s="10">
        <v>2763</v>
      </c>
      <c r="B2765" s="10" t="s">
        <v>1419</v>
      </c>
      <c r="C2765" s="36" t="s">
        <v>1421</v>
      </c>
    </row>
    <row r="2766" spans="1:3" ht="15.75">
      <c r="A2766" s="13">
        <v>2764</v>
      </c>
      <c r="B2766" s="20" t="s">
        <v>1466</v>
      </c>
      <c r="C2766" s="36" t="s">
        <v>1421</v>
      </c>
    </row>
    <row r="2767" spans="1:3" ht="15.75">
      <c r="A2767" s="13">
        <v>2765</v>
      </c>
      <c r="B2767" s="10" t="s">
        <v>1467</v>
      </c>
      <c r="C2767" s="36" t="s">
        <v>1421</v>
      </c>
    </row>
    <row r="2768" spans="1:3" ht="31.5">
      <c r="A2768" s="13">
        <v>2766</v>
      </c>
      <c r="B2768" s="10" t="s">
        <v>1468</v>
      </c>
      <c r="C2768" s="36" t="s">
        <v>1421</v>
      </c>
    </row>
    <row r="2769" spans="1:3" ht="15.75">
      <c r="A2769" s="10">
        <v>2767</v>
      </c>
      <c r="B2769" s="10" t="s">
        <v>1469</v>
      </c>
      <c r="C2769" s="12" t="s">
        <v>1470</v>
      </c>
    </row>
    <row r="2770" spans="1:3" ht="15.75">
      <c r="A2770" s="13">
        <v>2768</v>
      </c>
      <c r="B2770" s="10" t="s">
        <v>1471</v>
      </c>
      <c r="C2770" s="12" t="s">
        <v>1470</v>
      </c>
    </row>
    <row r="2771" spans="1:3" ht="15.75">
      <c r="A2771" s="13">
        <v>2769</v>
      </c>
      <c r="B2771" s="10" t="s">
        <v>1472</v>
      </c>
      <c r="C2771" s="12" t="s">
        <v>1470</v>
      </c>
    </row>
    <row r="2772" spans="1:3" ht="15.75">
      <c r="A2772" s="13">
        <v>2770</v>
      </c>
      <c r="B2772" s="10" t="s">
        <v>20</v>
      </c>
      <c r="C2772" s="12" t="s">
        <v>1470</v>
      </c>
    </row>
    <row r="2773" spans="1:3" ht="15.75">
      <c r="A2773" s="10">
        <v>2771</v>
      </c>
      <c r="B2773" s="10" t="s">
        <v>1473</v>
      </c>
      <c r="C2773" s="12" t="s">
        <v>1470</v>
      </c>
    </row>
    <row r="2774" spans="1:3" ht="15.75">
      <c r="A2774" s="13">
        <v>2772</v>
      </c>
      <c r="B2774" s="10" t="s">
        <v>1474</v>
      </c>
      <c r="C2774" s="12" t="s">
        <v>1470</v>
      </c>
    </row>
    <row r="2775" spans="1:3" ht="15.75">
      <c r="A2775" s="13">
        <v>2773</v>
      </c>
      <c r="B2775" s="10" t="s">
        <v>1475</v>
      </c>
      <c r="C2775" s="12" t="s">
        <v>1470</v>
      </c>
    </row>
    <row r="2776" spans="1:3" ht="15.75">
      <c r="A2776" s="13">
        <v>2774</v>
      </c>
      <c r="B2776" s="10" t="s">
        <v>1476</v>
      </c>
      <c r="C2776" s="12" t="s">
        <v>1470</v>
      </c>
    </row>
    <row r="2777" spans="1:3" ht="15.75">
      <c r="A2777" s="10">
        <v>2775</v>
      </c>
      <c r="B2777" s="10" t="s">
        <v>1477</v>
      </c>
      <c r="C2777" s="12" t="s">
        <v>1470</v>
      </c>
    </row>
    <row r="2778" spans="1:3" ht="15.75">
      <c r="A2778" s="13">
        <v>2776</v>
      </c>
      <c r="B2778" s="10" t="s">
        <v>1478</v>
      </c>
      <c r="C2778" s="12" t="s">
        <v>1470</v>
      </c>
    </row>
    <row r="2779" spans="1:3" ht="15.75">
      <c r="A2779" s="13">
        <v>2777</v>
      </c>
      <c r="B2779" s="10" t="s">
        <v>1479</v>
      </c>
      <c r="C2779" s="12" t="s">
        <v>1470</v>
      </c>
    </row>
    <row r="2780" spans="1:3" ht="15.75">
      <c r="A2780" s="13">
        <v>2778</v>
      </c>
      <c r="B2780" s="10" t="s">
        <v>1480</v>
      </c>
      <c r="C2780" s="12" t="s">
        <v>1470</v>
      </c>
    </row>
    <row r="2781" spans="1:3" ht="15.75">
      <c r="A2781" s="10">
        <v>2779</v>
      </c>
      <c r="B2781" s="10" t="s">
        <v>1481</v>
      </c>
      <c r="C2781" s="12" t="s">
        <v>1470</v>
      </c>
    </row>
    <row r="2782" spans="1:3" ht="15.75">
      <c r="A2782" s="13">
        <v>2780</v>
      </c>
      <c r="B2782" s="10" t="s">
        <v>1482</v>
      </c>
      <c r="C2782" s="12" t="s">
        <v>1470</v>
      </c>
    </row>
    <row r="2783" spans="1:3" ht="15.75">
      <c r="A2783" s="13">
        <v>2781</v>
      </c>
      <c r="B2783" s="10" t="s">
        <v>1483</v>
      </c>
      <c r="C2783" s="12" t="s">
        <v>1470</v>
      </c>
    </row>
    <row r="2784" spans="1:3" ht="15.75">
      <c r="A2784" s="13">
        <v>2782</v>
      </c>
      <c r="B2784" s="10" t="s">
        <v>1484</v>
      </c>
      <c r="C2784" s="12" t="s">
        <v>1470</v>
      </c>
    </row>
    <row r="2785" spans="1:3" ht="15.75">
      <c r="A2785" s="10">
        <v>2783</v>
      </c>
      <c r="B2785" s="10" t="s">
        <v>1486</v>
      </c>
      <c r="C2785" s="12" t="s">
        <v>1470</v>
      </c>
    </row>
    <row r="2786" spans="1:3" ht="15.75">
      <c r="A2786" s="13">
        <v>2784</v>
      </c>
      <c r="B2786" s="10" t="s">
        <v>1487</v>
      </c>
      <c r="C2786" s="12" t="s">
        <v>1470</v>
      </c>
    </row>
    <row r="2787" spans="1:3" ht="15.75">
      <c r="A2787" s="13">
        <v>2785</v>
      </c>
      <c r="B2787" s="37" t="s">
        <v>1488</v>
      </c>
      <c r="C2787" s="12" t="s">
        <v>1470</v>
      </c>
    </row>
    <row r="2788" spans="1:3" ht="15.75">
      <c r="A2788" s="13">
        <v>2786</v>
      </c>
      <c r="B2788" s="10" t="s">
        <v>1489</v>
      </c>
      <c r="C2788" s="12" t="s">
        <v>1470</v>
      </c>
    </row>
    <row r="2789" spans="1:3" ht="15.75">
      <c r="A2789" s="10">
        <v>2787</v>
      </c>
      <c r="B2789" s="17" t="s">
        <v>1490</v>
      </c>
      <c r="C2789" s="12" t="s">
        <v>1470</v>
      </c>
    </row>
    <row r="2790" spans="1:3" ht="15.75">
      <c r="A2790" s="13">
        <v>2788</v>
      </c>
      <c r="B2790" s="10" t="s">
        <v>1491</v>
      </c>
      <c r="C2790" s="12" t="s">
        <v>1470</v>
      </c>
    </row>
    <row r="2791" spans="1:3" ht="31.5">
      <c r="A2791" s="13">
        <v>2789</v>
      </c>
      <c r="B2791" s="18" t="s">
        <v>1492</v>
      </c>
      <c r="C2791" s="12" t="s">
        <v>1470</v>
      </c>
    </row>
    <row r="2792" spans="1:3" ht="15.75">
      <c r="A2792" s="13">
        <v>2790</v>
      </c>
      <c r="B2792" s="10" t="s">
        <v>1493</v>
      </c>
      <c r="C2792" s="12" t="s">
        <v>1470</v>
      </c>
    </row>
    <row r="2793" spans="1:3" ht="15.75">
      <c r="A2793" s="10">
        <v>2791</v>
      </c>
      <c r="B2793" s="10" t="s">
        <v>1494</v>
      </c>
      <c r="C2793" s="12" t="s">
        <v>1470</v>
      </c>
    </row>
    <row r="2794" spans="1:3" ht="15.75">
      <c r="A2794" s="13">
        <v>2792</v>
      </c>
      <c r="B2794" s="10" t="s">
        <v>1495</v>
      </c>
      <c r="C2794" s="12" t="s">
        <v>1470</v>
      </c>
    </row>
    <row r="2795" spans="1:3" ht="15.75">
      <c r="A2795" s="13">
        <v>2793</v>
      </c>
      <c r="B2795" s="10" t="s">
        <v>1496</v>
      </c>
      <c r="C2795" s="12" t="s">
        <v>1470</v>
      </c>
    </row>
    <row r="2796" spans="1:3" ht="15.75">
      <c r="A2796" s="13">
        <v>2794</v>
      </c>
      <c r="B2796" s="10" t="s">
        <v>1497</v>
      </c>
      <c r="C2796" s="12" t="s">
        <v>1470</v>
      </c>
    </row>
    <row r="2797" spans="1:3" ht="15.75">
      <c r="A2797" s="10">
        <v>2795</v>
      </c>
      <c r="B2797" s="10" t="s">
        <v>1498</v>
      </c>
      <c r="C2797" s="12" t="s">
        <v>1470</v>
      </c>
    </row>
    <row r="2798" spans="1:3" ht="15.75">
      <c r="A2798" s="13">
        <v>2796</v>
      </c>
      <c r="B2798" s="10" t="s">
        <v>1499</v>
      </c>
      <c r="C2798" s="12" t="s">
        <v>1470</v>
      </c>
    </row>
    <row r="2799" spans="1:3" ht="15.75">
      <c r="A2799" s="13">
        <v>2797</v>
      </c>
      <c r="B2799" s="10" t="s">
        <v>1500</v>
      </c>
      <c r="C2799" s="12" t="s">
        <v>1470</v>
      </c>
    </row>
    <row r="2800" spans="1:3" ht="15.75">
      <c r="A2800" s="13">
        <v>2798</v>
      </c>
      <c r="B2800" s="10" t="s">
        <v>1500</v>
      </c>
      <c r="C2800" s="12" t="s">
        <v>1470</v>
      </c>
    </row>
    <row r="2801" spans="1:3" ht="15.75">
      <c r="A2801" s="10">
        <v>2799</v>
      </c>
      <c r="B2801" s="10" t="s">
        <v>1500</v>
      </c>
      <c r="C2801" s="12" t="s">
        <v>1470</v>
      </c>
    </row>
    <row r="2802" spans="1:3" ht="15.75">
      <c r="A2802" s="13">
        <v>2800</v>
      </c>
      <c r="B2802" s="10" t="s">
        <v>1501</v>
      </c>
      <c r="C2802" s="12" t="s">
        <v>1470</v>
      </c>
    </row>
    <row r="2803" spans="1:3" ht="15.75">
      <c r="A2803" s="13">
        <v>2801</v>
      </c>
      <c r="B2803" s="10" t="s">
        <v>1502</v>
      </c>
      <c r="C2803" s="12" t="s">
        <v>1470</v>
      </c>
    </row>
    <row r="2804" spans="1:3" ht="15.75">
      <c r="A2804" s="13">
        <v>2802</v>
      </c>
      <c r="B2804" s="10" t="s">
        <v>1503</v>
      </c>
      <c r="C2804" s="12" t="s">
        <v>1470</v>
      </c>
    </row>
    <row r="2805" spans="1:3" ht="15.75">
      <c r="A2805" s="10">
        <v>2803</v>
      </c>
      <c r="B2805" s="10" t="s">
        <v>1504</v>
      </c>
      <c r="C2805" s="12" t="s">
        <v>1470</v>
      </c>
    </row>
    <row r="2806" spans="1:3" ht="15.75">
      <c r="A2806" s="13">
        <v>2804</v>
      </c>
      <c r="B2806" s="10" t="s">
        <v>263</v>
      </c>
      <c r="C2806" s="12" t="s">
        <v>1470</v>
      </c>
    </row>
    <row r="2807" spans="1:3" ht="15.75">
      <c r="A2807" s="13">
        <v>2805</v>
      </c>
      <c r="B2807" s="10" t="s">
        <v>1447</v>
      </c>
      <c r="C2807" s="12" t="s">
        <v>1470</v>
      </c>
    </row>
    <row r="2808" spans="1:3" ht="15.75">
      <c r="A2808" s="13">
        <v>2806</v>
      </c>
      <c r="B2808" s="10" t="s">
        <v>1505</v>
      </c>
      <c r="C2808" s="12" t="s">
        <v>1470</v>
      </c>
    </row>
    <row r="2809" spans="1:3" ht="15.75">
      <c r="A2809" s="10">
        <v>2807</v>
      </c>
      <c r="B2809" s="10" t="s">
        <v>1506</v>
      </c>
      <c r="C2809" s="12" t="s">
        <v>1470</v>
      </c>
    </row>
    <row r="2810" spans="1:3" ht="15.75">
      <c r="A2810" s="13">
        <v>2808</v>
      </c>
      <c r="B2810" s="10" t="s">
        <v>1507</v>
      </c>
      <c r="C2810" s="12" t="s">
        <v>1470</v>
      </c>
    </row>
    <row r="2811" spans="1:3" ht="15.75">
      <c r="A2811" s="13">
        <v>2809</v>
      </c>
      <c r="B2811" s="10" t="s">
        <v>1507</v>
      </c>
      <c r="C2811" s="12" t="s">
        <v>1470</v>
      </c>
    </row>
    <row r="2812" spans="1:3" ht="15.75">
      <c r="A2812" s="13">
        <v>2810</v>
      </c>
      <c r="B2812" s="10" t="s">
        <v>1508</v>
      </c>
      <c r="C2812" s="12" t="s">
        <v>1470</v>
      </c>
    </row>
    <row r="2813" spans="1:3" ht="15.75">
      <c r="A2813" s="10">
        <v>2811</v>
      </c>
      <c r="B2813" s="10" t="s">
        <v>1509</v>
      </c>
      <c r="C2813" s="12" t="s">
        <v>1470</v>
      </c>
    </row>
    <row r="2814" spans="1:3" ht="15.75">
      <c r="A2814" s="13">
        <v>2812</v>
      </c>
      <c r="B2814" s="10" t="s">
        <v>1510</v>
      </c>
      <c r="C2814" s="12" t="s">
        <v>1470</v>
      </c>
    </row>
    <row r="2815" spans="1:3" ht="15.75">
      <c r="A2815" s="13">
        <v>2813</v>
      </c>
      <c r="B2815" s="10" t="s">
        <v>1511</v>
      </c>
      <c r="C2815" s="12" t="s">
        <v>1470</v>
      </c>
    </row>
    <row r="2816" spans="1:3" ht="15.75">
      <c r="A2816" s="13">
        <v>2814</v>
      </c>
      <c r="B2816" s="10" t="s">
        <v>1512</v>
      </c>
      <c r="C2816" s="12" t="s">
        <v>1470</v>
      </c>
    </row>
    <row r="2817" spans="1:3" ht="15.75">
      <c r="A2817" s="10">
        <v>2815</v>
      </c>
      <c r="B2817" s="10" t="s">
        <v>1513</v>
      </c>
      <c r="C2817" s="12" t="s">
        <v>1470</v>
      </c>
    </row>
    <row r="2818" spans="1:3" ht="15.75">
      <c r="A2818" s="13">
        <v>2816</v>
      </c>
      <c r="B2818" s="10" t="s">
        <v>1514</v>
      </c>
      <c r="C2818" s="12" t="s">
        <v>1470</v>
      </c>
    </row>
    <row r="2819" spans="1:3" ht="15.75">
      <c r="A2819" s="13">
        <v>2817</v>
      </c>
      <c r="B2819" s="10" t="s">
        <v>1514</v>
      </c>
      <c r="C2819" s="12" t="s">
        <v>1470</v>
      </c>
    </row>
    <row r="2820" spans="1:3" ht="15.75">
      <c r="A2820" s="13">
        <v>2818</v>
      </c>
      <c r="B2820" s="10" t="s">
        <v>1514</v>
      </c>
      <c r="C2820" s="12" t="s">
        <v>1470</v>
      </c>
    </row>
    <row r="2821" spans="1:3" ht="15.75">
      <c r="A2821" s="10">
        <v>2819</v>
      </c>
      <c r="B2821" s="10" t="s">
        <v>1514</v>
      </c>
      <c r="C2821" s="12" t="s">
        <v>1470</v>
      </c>
    </row>
    <row r="2822" spans="1:3" ht="15.75">
      <c r="A2822" s="13">
        <v>2820</v>
      </c>
      <c r="B2822" s="10" t="s">
        <v>1515</v>
      </c>
      <c r="C2822" s="12" t="s">
        <v>1470</v>
      </c>
    </row>
    <row r="2823" spans="1:3" ht="15.75">
      <c r="A2823" s="13">
        <v>2821</v>
      </c>
      <c r="B2823" s="10" t="s">
        <v>1190</v>
      </c>
      <c r="C2823" s="12" t="s">
        <v>1470</v>
      </c>
    </row>
    <row r="2824" spans="1:3" ht="15.75">
      <c r="A2824" s="13">
        <v>2822</v>
      </c>
      <c r="B2824" s="15" t="s">
        <v>1516</v>
      </c>
      <c r="C2824" s="12" t="s">
        <v>1470</v>
      </c>
    </row>
    <row r="2825" spans="1:3" ht="15.75">
      <c r="A2825" s="10">
        <v>2823</v>
      </c>
      <c r="B2825" s="11" t="s">
        <v>1517</v>
      </c>
      <c r="C2825" s="12" t="s">
        <v>1470</v>
      </c>
    </row>
    <row r="2826" spans="1:3" ht="15.75">
      <c r="A2826" s="13">
        <v>2824</v>
      </c>
      <c r="B2826" s="11" t="s">
        <v>1518</v>
      </c>
      <c r="C2826" s="12" t="s">
        <v>1470</v>
      </c>
    </row>
    <row r="2827" spans="1:3" ht="15.75">
      <c r="A2827" s="13">
        <v>2825</v>
      </c>
      <c r="B2827" s="10" t="s">
        <v>1519</v>
      </c>
      <c r="C2827" s="12" t="s">
        <v>1470</v>
      </c>
    </row>
    <row r="2828" spans="1:3" ht="15.75">
      <c r="A2828" s="13">
        <v>2826</v>
      </c>
      <c r="B2828" s="31" t="s">
        <v>1520</v>
      </c>
      <c r="C2828" s="12" t="s">
        <v>1470</v>
      </c>
    </row>
    <row r="2829" spans="1:3" ht="15.75">
      <c r="A2829" s="10">
        <v>2827</v>
      </c>
      <c r="B2829" s="10" t="s">
        <v>1521</v>
      </c>
      <c r="C2829" s="12" t="s">
        <v>1470</v>
      </c>
    </row>
    <row r="2830" spans="1:3" ht="15.75">
      <c r="A2830" s="13">
        <v>2828</v>
      </c>
      <c r="B2830" s="10" t="s">
        <v>1522</v>
      </c>
      <c r="C2830" s="12" t="s">
        <v>1470</v>
      </c>
    </row>
    <row r="2831" spans="1:3" ht="15.75">
      <c r="A2831" s="13">
        <v>2829</v>
      </c>
      <c r="B2831" s="25" t="s">
        <v>1523</v>
      </c>
      <c r="C2831" s="12" t="s">
        <v>1470</v>
      </c>
    </row>
    <row r="2832" spans="1:3" ht="15.75">
      <c r="A2832" s="13">
        <v>2830</v>
      </c>
      <c r="B2832" s="26" t="s">
        <v>1524</v>
      </c>
      <c r="C2832" s="12" t="s">
        <v>1470</v>
      </c>
    </row>
    <row r="2833" spans="1:3" ht="15.75">
      <c r="A2833" s="10">
        <v>2831</v>
      </c>
      <c r="B2833" s="26" t="s">
        <v>1525</v>
      </c>
      <c r="C2833" s="12" t="s">
        <v>1470</v>
      </c>
    </row>
    <row r="2834" spans="1:3" ht="15.75">
      <c r="A2834" s="13">
        <v>2832</v>
      </c>
      <c r="B2834" s="26" t="s">
        <v>1526</v>
      </c>
      <c r="C2834" s="12" t="s">
        <v>1470</v>
      </c>
    </row>
    <row r="2835" spans="1:3" ht="15.75">
      <c r="A2835" s="13">
        <v>2833</v>
      </c>
      <c r="B2835" s="38" t="s">
        <v>1527</v>
      </c>
      <c r="C2835" s="12" t="s">
        <v>1470</v>
      </c>
    </row>
    <row r="2836" spans="1:3" ht="15.75">
      <c r="A2836" s="13">
        <v>2834</v>
      </c>
      <c r="B2836" s="39" t="s">
        <v>1528</v>
      </c>
      <c r="C2836" s="12" t="s">
        <v>1470</v>
      </c>
    </row>
    <row r="2837" spans="1:3" ht="15.75">
      <c r="A2837" s="10">
        <v>2835</v>
      </c>
      <c r="B2837" s="10" t="s">
        <v>1529</v>
      </c>
      <c r="C2837" s="12" t="s">
        <v>1470</v>
      </c>
    </row>
    <row r="2838" spans="1:3" ht="15.75">
      <c r="A2838" s="13">
        <v>2836</v>
      </c>
      <c r="B2838" s="10" t="s">
        <v>1530</v>
      </c>
      <c r="C2838" s="12" t="s">
        <v>1470</v>
      </c>
    </row>
    <row r="2839" spans="1:3" ht="15.75">
      <c r="A2839" s="13">
        <v>2837</v>
      </c>
      <c r="B2839" s="10" t="s">
        <v>1531</v>
      </c>
      <c r="C2839" s="12" t="s">
        <v>1470</v>
      </c>
    </row>
    <row r="2840" spans="1:3" ht="15.75">
      <c r="A2840" s="13">
        <v>2838</v>
      </c>
      <c r="B2840" s="10" t="s">
        <v>1532</v>
      </c>
      <c r="C2840" s="12" t="s">
        <v>1470</v>
      </c>
    </row>
    <row r="2841" spans="1:3" ht="15.75">
      <c r="A2841" s="10">
        <v>2839</v>
      </c>
      <c r="B2841" s="10" t="s">
        <v>1533</v>
      </c>
      <c r="C2841" s="12" t="s">
        <v>1470</v>
      </c>
    </row>
    <row r="2842" spans="1:3" ht="15.75">
      <c r="A2842" s="13">
        <v>2840</v>
      </c>
      <c r="B2842" s="10" t="s">
        <v>1419</v>
      </c>
      <c r="C2842" s="12" t="s">
        <v>1470</v>
      </c>
    </row>
    <row r="2843" spans="1:3" ht="24">
      <c r="A2843" s="13">
        <v>2841</v>
      </c>
      <c r="B2843" s="10" t="s">
        <v>1534</v>
      </c>
      <c r="C2843" s="12" t="s">
        <v>1535</v>
      </c>
    </row>
    <row r="2844" spans="1:3" ht="24">
      <c r="A2844" s="13">
        <v>2842</v>
      </c>
      <c r="B2844" s="10" t="s">
        <v>1536</v>
      </c>
      <c r="C2844" s="12" t="s">
        <v>1535</v>
      </c>
    </row>
    <row r="2845" spans="1:3" ht="24">
      <c r="A2845" s="10">
        <v>2843</v>
      </c>
      <c r="B2845" s="10" t="s">
        <v>1536</v>
      </c>
      <c r="C2845" s="12" t="s">
        <v>1535</v>
      </c>
    </row>
    <row r="2846" spans="1:3" ht="24">
      <c r="A2846" s="13">
        <v>2844</v>
      </c>
      <c r="B2846" s="10" t="s">
        <v>1536</v>
      </c>
      <c r="C2846" s="12" t="s">
        <v>1535</v>
      </c>
    </row>
    <row r="2847" spans="1:3" ht="24">
      <c r="A2847" s="13">
        <v>2845</v>
      </c>
      <c r="B2847" s="10" t="s">
        <v>1536</v>
      </c>
      <c r="C2847" s="12" t="s">
        <v>1535</v>
      </c>
    </row>
    <row r="2848" spans="1:3" ht="24">
      <c r="A2848" s="13">
        <v>2846</v>
      </c>
      <c r="B2848" s="10" t="s">
        <v>1537</v>
      </c>
      <c r="C2848" s="12" t="s">
        <v>1535</v>
      </c>
    </row>
    <row r="2849" spans="1:3" ht="24">
      <c r="A2849" s="10">
        <v>2847</v>
      </c>
      <c r="B2849" s="10" t="s">
        <v>1538</v>
      </c>
      <c r="C2849" s="12" t="s">
        <v>1535</v>
      </c>
    </row>
    <row r="2850" spans="1:3" ht="24">
      <c r="A2850" s="13">
        <v>2848</v>
      </c>
      <c r="B2850" s="10" t="s">
        <v>1538</v>
      </c>
      <c r="C2850" s="12" t="s">
        <v>1535</v>
      </c>
    </row>
    <row r="2851" spans="1:3" ht="24">
      <c r="A2851" s="13">
        <v>2849</v>
      </c>
      <c r="B2851" s="10" t="s">
        <v>1538</v>
      </c>
      <c r="C2851" s="12" t="s">
        <v>1535</v>
      </c>
    </row>
    <row r="2852" spans="1:3" ht="24">
      <c r="A2852" s="13">
        <v>2850</v>
      </c>
      <c r="B2852" s="10" t="s">
        <v>1538</v>
      </c>
      <c r="C2852" s="12" t="s">
        <v>1535</v>
      </c>
    </row>
    <row r="2853" spans="1:3" ht="24">
      <c r="A2853" s="10">
        <v>2851</v>
      </c>
      <c r="B2853" s="10" t="s">
        <v>1538</v>
      </c>
      <c r="C2853" s="12" t="s">
        <v>1535</v>
      </c>
    </row>
    <row r="2854" spans="1:3" ht="24">
      <c r="A2854" s="13">
        <v>2852</v>
      </c>
      <c r="B2854" s="10" t="s">
        <v>1538</v>
      </c>
      <c r="C2854" s="12" t="s">
        <v>1535</v>
      </c>
    </row>
    <row r="2855" spans="1:3" ht="24">
      <c r="A2855" s="13">
        <v>2853</v>
      </c>
      <c r="B2855" s="10" t="s">
        <v>1538</v>
      </c>
      <c r="C2855" s="12" t="s">
        <v>1535</v>
      </c>
    </row>
    <row r="2856" spans="1:3" ht="24">
      <c r="A2856" s="13">
        <v>2854</v>
      </c>
      <c r="B2856" s="10" t="s">
        <v>1538</v>
      </c>
      <c r="C2856" s="12" t="s">
        <v>1535</v>
      </c>
    </row>
    <row r="2857" spans="1:3" ht="24">
      <c r="A2857" s="10">
        <v>2855</v>
      </c>
      <c r="B2857" s="10" t="s">
        <v>1538</v>
      </c>
      <c r="C2857" s="12" t="s">
        <v>1535</v>
      </c>
    </row>
    <row r="2858" spans="1:3" ht="24">
      <c r="A2858" s="13">
        <v>2856</v>
      </c>
      <c r="B2858" s="10" t="s">
        <v>1538</v>
      </c>
      <c r="C2858" s="12" t="s">
        <v>1535</v>
      </c>
    </row>
    <row r="2859" spans="1:3" ht="24">
      <c r="A2859" s="13">
        <v>2857</v>
      </c>
      <c r="B2859" s="10" t="s">
        <v>1538</v>
      </c>
      <c r="C2859" s="12" t="s">
        <v>1535</v>
      </c>
    </row>
    <row r="2860" spans="1:3" ht="24">
      <c r="A2860" s="13">
        <v>2858</v>
      </c>
      <c r="B2860" s="10" t="s">
        <v>1538</v>
      </c>
      <c r="C2860" s="12" t="s">
        <v>1535</v>
      </c>
    </row>
    <row r="2861" spans="1:3" ht="24">
      <c r="A2861" s="10">
        <v>2859</v>
      </c>
      <c r="B2861" s="10" t="s">
        <v>1538</v>
      </c>
      <c r="C2861" s="12" t="s">
        <v>1535</v>
      </c>
    </row>
    <row r="2862" spans="1:3" ht="24">
      <c r="A2862" s="13">
        <v>2860</v>
      </c>
      <c r="B2862" s="10" t="s">
        <v>1539</v>
      </c>
      <c r="C2862" s="12" t="s">
        <v>1535</v>
      </c>
    </row>
    <row r="2863" spans="1:3" ht="24">
      <c r="A2863" s="13">
        <v>2861</v>
      </c>
      <c r="B2863" s="10" t="s">
        <v>1539</v>
      </c>
      <c r="C2863" s="12" t="s">
        <v>1535</v>
      </c>
    </row>
    <row r="2864" spans="1:3" ht="24">
      <c r="A2864" s="13">
        <v>2862</v>
      </c>
      <c r="B2864" s="10" t="s">
        <v>1539</v>
      </c>
      <c r="C2864" s="12" t="s">
        <v>1535</v>
      </c>
    </row>
    <row r="2865" spans="1:3" ht="24">
      <c r="A2865" s="10">
        <v>2863</v>
      </c>
      <c r="B2865" s="10" t="s">
        <v>1539</v>
      </c>
      <c r="C2865" s="12" t="s">
        <v>1535</v>
      </c>
    </row>
    <row r="2866" spans="1:3" ht="24">
      <c r="A2866" s="13">
        <v>2864</v>
      </c>
      <c r="B2866" s="10" t="s">
        <v>1539</v>
      </c>
      <c r="C2866" s="12" t="s">
        <v>1535</v>
      </c>
    </row>
    <row r="2867" spans="1:3" ht="24">
      <c r="A2867" s="13">
        <v>2865</v>
      </c>
      <c r="B2867" s="10" t="s">
        <v>681</v>
      </c>
      <c r="C2867" s="12" t="s">
        <v>1535</v>
      </c>
    </row>
    <row r="2868" spans="1:3" ht="24">
      <c r="A2868" s="13">
        <v>2866</v>
      </c>
      <c r="B2868" s="10" t="s">
        <v>681</v>
      </c>
      <c r="C2868" s="12" t="s">
        <v>1535</v>
      </c>
    </row>
    <row r="2869" spans="1:3" ht="31.5">
      <c r="A2869" s="10">
        <v>2867</v>
      </c>
      <c r="B2869" s="10" t="s">
        <v>1540</v>
      </c>
      <c r="C2869" s="12" t="s">
        <v>1535</v>
      </c>
    </row>
    <row r="2870" spans="1:3" ht="24">
      <c r="A2870" s="13">
        <v>2868</v>
      </c>
      <c r="B2870" s="10" t="s">
        <v>1541</v>
      </c>
      <c r="C2870" s="12" t="s">
        <v>1535</v>
      </c>
    </row>
    <row r="2871" spans="1:3" ht="24">
      <c r="A2871" s="13">
        <v>2869</v>
      </c>
      <c r="B2871" s="10" t="s">
        <v>1542</v>
      </c>
      <c r="C2871" s="12" t="s">
        <v>1535</v>
      </c>
    </row>
    <row r="2872" spans="1:3" ht="24">
      <c r="A2872" s="13">
        <v>2870</v>
      </c>
      <c r="B2872" s="10" t="s">
        <v>1543</v>
      </c>
      <c r="C2872" s="12" t="s">
        <v>1535</v>
      </c>
    </row>
    <row r="2873" spans="1:3" ht="24">
      <c r="A2873" s="10">
        <v>2871</v>
      </c>
      <c r="B2873" s="10" t="s">
        <v>1544</v>
      </c>
      <c r="C2873" s="12" t="s">
        <v>1535</v>
      </c>
    </row>
    <row r="2874" spans="1:3" ht="31.5">
      <c r="A2874" s="13">
        <v>2872</v>
      </c>
      <c r="B2874" s="10" t="s">
        <v>1545</v>
      </c>
      <c r="C2874" s="12" t="s">
        <v>1535</v>
      </c>
    </row>
    <row r="2875" spans="1:3" ht="24">
      <c r="A2875" s="13">
        <v>2873</v>
      </c>
      <c r="B2875" s="10" t="s">
        <v>1546</v>
      </c>
      <c r="C2875" s="12" t="s">
        <v>1535</v>
      </c>
    </row>
    <row r="2876" spans="1:3" ht="24">
      <c r="A2876" s="13">
        <v>2874</v>
      </c>
      <c r="B2876" s="10" t="s">
        <v>766</v>
      </c>
      <c r="C2876" s="12" t="s">
        <v>1535</v>
      </c>
    </row>
    <row r="2877" spans="1:3" ht="24">
      <c r="A2877" s="10">
        <v>2875</v>
      </c>
      <c r="B2877" s="10" t="s">
        <v>1547</v>
      </c>
      <c r="C2877" s="12" t="s">
        <v>1535</v>
      </c>
    </row>
    <row r="2878" spans="1:3" ht="24">
      <c r="A2878" s="13">
        <v>2876</v>
      </c>
      <c r="B2878" s="10" t="s">
        <v>1547</v>
      </c>
      <c r="C2878" s="12" t="s">
        <v>1535</v>
      </c>
    </row>
    <row r="2879" spans="1:3" ht="24">
      <c r="A2879" s="13">
        <v>2877</v>
      </c>
      <c r="B2879" s="10" t="s">
        <v>82</v>
      </c>
      <c r="C2879" s="12" t="s">
        <v>1535</v>
      </c>
    </row>
    <row r="2880" spans="1:3" ht="24">
      <c r="A2880" s="13">
        <v>2878</v>
      </c>
      <c r="B2880" s="10" t="s">
        <v>82</v>
      </c>
      <c r="C2880" s="12" t="s">
        <v>1535</v>
      </c>
    </row>
    <row r="2881" spans="1:3" ht="24">
      <c r="A2881" s="10">
        <v>2879</v>
      </c>
      <c r="B2881" s="10" t="s">
        <v>1548</v>
      </c>
      <c r="C2881" s="12" t="s">
        <v>1535</v>
      </c>
    </row>
    <row r="2882" spans="1:3" ht="24">
      <c r="A2882" s="13">
        <v>2880</v>
      </c>
      <c r="B2882" s="10" t="s">
        <v>1549</v>
      </c>
      <c r="C2882" s="12" t="s">
        <v>1535</v>
      </c>
    </row>
    <row r="2883" spans="1:3" ht="24">
      <c r="A2883" s="13">
        <v>2881</v>
      </c>
      <c r="B2883" s="10" t="s">
        <v>1550</v>
      </c>
      <c r="C2883" s="12" t="s">
        <v>1535</v>
      </c>
    </row>
    <row r="2884" spans="1:3" ht="24">
      <c r="A2884" s="13">
        <v>2882</v>
      </c>
      <c r="B2884" s="10" t="s">
        <v>1551</v>
      </c>
      <c r="C2884" s="12" t="s">
        <v>1535</v>
      </c>
    </row>
    <row r="2885" spans="1:3" ht="24">
      <c r="A2885" s="10">
        <v>2883</v>
      </c>
      <c r="B2885" s="10" t="s">
        <v>1552</v>
      </c>
      <c r="C2885" s="12" t="s">
        <v>1535</v>
      </c>
    </row>
    <row r="2886" spans="1:3" ht="24">
      <c r="A2886" s="13">
        <v>2884</v>
      </c>
      <c r="B2886" s="10" t="s">
        <v>1552</v>
      </c>
      <c r="C2886" s="12" t="s">
        <v>1535</v>
      </c>
    </row>
    <row r="2887" spans="1:3" ht="24">
      <c r="A2887" s="13">
        <v>2885</v>
      </c>
      <c r="B2887" s="10" t="s">
        <v>1553</v>
      </c>
      <c r="C2887" s="12" t="s">
        <v>1535</v>
      </c>
    </row>
    <row r="2888" spans="1:3" ht="24">
      <c r="A2888" s="13">
        <v>2886</v>
      </c>
      <c r="B2888" s="10" t="s">
        <v>1554</v>
      </c>
      <c r="C2888" s="12" t="s">
        <v>1535</v>
      </c>
    </row>
    <row r="2889" spans="1:3" ht="24">
      <c r="A2889" s="10">
        <v>2887</v>
      </c>
      <c r="B2889" s="10" t="s">
        <v>1555</v>
      </c>
      <c r="C2889" s="12" t="s">
        <v>1535</v>
      </c>
    </row>
    <row r="2890" spans="1:3" ht="24">
      <c r="A2890" s="13">
        <v>2888</v>
      </c>
      <c r="B2890" s="10" t="s">
        <v>1556</v>
      </c>
      <c r="C2890" s="12" t="s">
        <v>1535</v>
      </c>
    </row>
    <row r="2891" spans="1:3" ht="24">
      <c r="A2891" s="13">
        <v>2889</v>
      </c>
      <c r="B2891" s="10" t="s">
        <v>1557</v>
      </c>
      <c r="C2891" s="12" t="s">
        <v>1535</v>
      </c>
    </row>
    <row r="2892" spans="1:3" ht="31.5">
      <c r="A2892" s="13">
        <v>2890</v>
      </c>
      <c r="B2892" s="10" t="s">
        <v>1558</v>
      </c>
      <c r="C2892" s="12" t="s">
        <v>1535</v>
      </c>
    </row>
    <row r="2893" spans="1:3" ht="31.5">
      <c r="A2893" s="10">
        <v>2891</v>
      </c>
      <c r="B2893" s="10" t="s">
        <v>1559</v>
      </c>
      <c r="C2893" s="12" t="s">
        <v>1535</v>
      </c>
    </row>
    <row r="2894" spans="1:3" ht="24">
      <c r="A2894" s="13">
        <v>2892</v>
      </c>
      <c r="B2894" s="10" t="s">
        <v>1560</v>
      </c>
      <c r="C2894" s="12" t="s">
        <v>1535</v>
      </c>
    </row>
    <row r="2895" spans="1:3" ht="24">
      <c r="A2895" s="13">
        <v>2893</v>
      </c>
      <c r="B2895" s="10" t="s">
        <v>1561</v>
      </c>
      <c r="C2895" s="12" t="s">
        <v>1535</v>
      </c>
    </row>
    <row r="2896" spans="1:3" ht="24">
      <c r="A2896" s="13">
        <v>2894</v>
      </c>
      <c r="B2896" s="10" t="s">
        <v>1562</v>
      </c>
      <c r="C2896" s="12" t="s">
        <v>1535</v>
      </c>
    </row>
    <row r="2897" spans="1:3" ht="24">
      <c r="A2897" s="10">
        <v>2895</v>
      </c>
      <c r="B2897" s="10" t="s">
        <v>1563</v>
      </c>
      <c r="C2897" s="12" t="s">
        <v>1535</v>
      </c>
    </row>
    <row r="2898" spans="1:3" ht="31.5">
      <c r="A2898" s="13">
        <v>2896</v>
      </c>
      <c r="B2898" s="10" t="s">
        <v>1564</v>
      </c>
      <c r="C2898" s="12" t="s">
        <v>1535</v>
      </c>
    </row>
    <row r="2899" spans="1:3" ht="31.5">
      <c r="A2899" s="13">
        <v>2897</v>
      </c>
      <c r="B2899" s="10" t="s">
        <v>1564</v>
      </c>
      <c r="C2899" s="12" t="s">
        <v>1535</v>
      </c>
    </row>
    <row r="2900" spans="1:3" ht="24">
      <c r="A2900" s="13">
        <v>2898</v>
      </c>
      <c r="B2900" s="10" t="s">
        <v>1565</v>
      </c>
      <c r="C2900" s="12" t="s">
        <v>1535</v>
      </c>
    </row>
    <row r="2901" spans="1:3" ht="24">
      <c r="A2901" s="10">
        <v>2899</v>
      </c>
      <c r="B2901" s="10" t="s">
        <v>1566</v>
      </c>
      <c r="C2901" s="12" t="s">
        <v>1535</v>
      </c>
    </row>
    <row r="2902" spans="1:3" ht="24">
      <c r="A2902" s="13">
        <v>2900</v>
      </c>
      <c r="B2902" s="10" t="s">
        <v>1567</v>
      </c>
      <c r="C2902" s="12" t="s">
        <v>1535</v>
      </c>
    </row>
    <row r="2903" spans="1:3" ht="24">
      <c r="A2903" s="13">
        <v>2901</v>
      </c>
      <c r="B2903" s="10" t="s">
        <v>1568</v>
      </c>
      <c r="C2903" s="12" t="s">
        <v>1535</v>
      </c>
    </row>
    <row r="2904" spans="1:3" ht="24">
      <c r="A2904" s="13">
        <v>2902</v>
      </c>
      <c r="B2904" s="10" t="s">
        <v>1569</v>
      </c>
      <c r="C2904" s="12" t="s">
        <v>1535</v>
      </c>
    </row>
    <row r="2905" spans="1:3" ht="24">
      <c r="A2905" s="10">
        <v>2903</v>
      </c>
      <c r="B2905" s="10" t="s">
        <v>1569</v>
      </c>
      <c r="C2905" s="12" t="s">
        <v>1535</v>
      </c>
    </row>
    <row r="2906" spans="1:3" ht="24">
      <c r="A2906" s="13">
        <v>2904</v>
      </c>
      <c r="B2906" s="10" t="s">
        <v>1570</v>
      </c>
      <c r="C2906" s="12" t="s">
        <v>1535</v>
      </c>
    </row>
    <row r="2907" spans="1:3" ht="24">
      <c r="A2907" s="13">
        <v>2905</v>
      </c>
      <c r="B2907" s="10" t="s">
        <v>1571</v>
      </c>
      <c r="C2907" s="12" t="s">
        <v>1535</v>
      </c>
    </row>
    <row r="2908" spans="1:3" ht="24">
      <c r="A2908" s="13">
        <v>2906</v>
      </c>
      <c r="B2908" s="10" t="s">
        <v>1572</v>
      </c>
      <c r="C2908" s="12" t="s">
        <v>1535</v>
      </c>
    </row>
    <row r="2909" spans="1:3" ht="24">
      <c r="A2909" s="10">
        <v>2907</v>
      </c>
      <c r="B2909" s="10" t="s">
        <v>1573</v>
      </c>
      <c r="C2909" s="12" t="s">
        <v>1535</v>
      </c>
    </row>
    <row r="2910" spans="1:3" ht="24">
      <c r="A2910" s="13">
        <v>2908</v>
      </c>
      <c r="B2910" s="10" t="s">
        <v>1573</v>
      </c>
      <c r="C2910" s="12" t="s">
        <v>1535</v>
      </c>
    </row>
    <row r="2911" spans="1:3" ht="24">
      <c r="A2911" s="13">
        <v>2909</v>
      </c>
      <c r="B2911" s="10" t="s">
        <v>1574</v>
      </c>
      <c r="C2911" s="12" t="s">
        <v>1535</v>
      </c>
    </row>
    <row r="2912" spans="1:3" ht="24">
      <c r="A2912" s="13">
        <v>2910</v>
      </c>
      <c r="B2912" s="10" t="s">
        <v>1575</v>
      </c>
      <c r="C2912" s="12" t="s">
        <v>1535</v>
      </c>
    </row>
    <row r="2913" spans="1:3" ht="24">
      <c r="A2913" s="10">
        <v>2911</v>
      </c>
      <c r="B2913" s="10" t="s">
        <v>1576</v>
      </c>
      <c r="C2913" s="12" t="s">
        <v>1535</v>
      </c>
    </row>
    <row r="2914" spans="1:3" ht="24">
      <c r="A2914" s="13">
        <v>2912</v>
      </c>
      <c r="B2914" s="10" t="s">
        <v>1577</v>
      </c>
      <c r="C2914" s="12" t="s">
        <v>1535</v>
      </c>
    </row>
    <row r="2915" spans="1:3" ht="24">
      <c r="A2915" s="13">
        <v>2913</v>
      </c>
      <c r="B2915" s="10" t="s">
        <v>426</v>
      </c>
      <c r="C2915" s="12" t="s">
        <v>1535</v>
      </c>
    </row>
    <row r="2916" spans="1:3" ht="24">
      <c r="A2916" s="13">
        <v>2914</v>
      </c>
      <c r="B2916" s="10" t="s">
        <v>1363</v>
      </c>
      <c r="C2916" s="12" t="s">
        <v>1535</v>
      </c>
    </row>
    <row r="2917" spans="1:3" ht="24">
      <c r="A2917" s="10">
        <v>2915</v>
      </c>
      <c r="B2917" s="10" t="s">
        <v>1578</v>
      </c>
      <c r="C2917" s="12" t="s">
        <v>1535</v>
      </c>
    </row>
    <row r="2918" spans="1:3" ht="24">
      <c r="A2918" s="13">
        <v>2916</v>
      </c>
      <c r="B2918" s="10" t="s">
        <v>1579</v>
      </c>
      <c r="C2918" s="12" t="s">
        <v>1535</v>
      </c>
    </row>
    <row r="2919" spans="1:3" ht="24">
      <c r="A2919" s="13">
        <v>2917</v>
      </c>
      <c r="B2919" s="10" t="s">
        <v>1580</v>
      </c>
      <c r="C2919" s="12" t="s">
        <v>1535</v>
      </c>
    </row>
    <row r="2920" spans="1:3" ht="31.5">
      <c r="A2920" s="13">
        <v>2918</v>
      </c>
      <c r="B2920" s="10" t="s">
        <v>1581</v>
      </c>
      <c r="C2920" s="12" t="s">
        <v>1535</v>
      </c>
    </row>
    <row r="2921" spans="1:3" ht="24">
      <c r="A2921" s="10">
        <v>2919</v>
      </c>
      <c r="B2921" s="10" t="s">
        <v>1582</v>
      </c>
      <c r="C2921" s="12" t="s">
        <v>1535</v>
      </c>
    </row>
    <row r="2922" spans="1:3" ht="24">
      <c r="A2922" s="13">
        <v>2920</v>
      </c>
      <c r="B2922" s="10" t="s">
        <v>1583</v>
      </c>
      <c r="C2922" s="12" t="s">
        <v>1535</v>
      </c>
    </row>
    <row r="2923" spans="1:3" ht="24">
      <c r="A2923" s="13">
        <v>2921</v>
      </c>
      <c r="B2923" s="10" t="s">
        <v>1584</v>
      </c>
      <c r="C2923" s="12" t="s">
        <v>1535</v>
      </c>
    </row>
    <row r="2924" spans="1:3" ht="24">
      <c r="A2924" s="13">
        <v>2922</v>
      </c>
      <c r="B2924" s="10" t="s">
        <v>1585</v>
      </c>
      <c r="C2924" s="12" t="s">
        <v>1535</v>
      </c>
    </row>
    <row r="2925" spans="1:3" ht="31.5">
      <c r="A2925" s="10">
        <v>2923</v>
      </c>
      <c r="B2925" s="10" t="s">
        <v>1586</v>
      </c>
      <c r="C2925" s="12" t="s">
        <v>1535</v>
      </c>
    </row>
    <row r="2926" spans="1:3" ht="31.5">
      <c r="A2926" s="13">
        <v>2924</v>
      </c>
      <c r="B2926" s="10" t="s">
        <v>1586</v>
      </c>
      <c r="C2926" s="12" t="s">
        <v>1535</v>
      </c>
    </row>
    <row r="2927" spans="1:3" ht="31.5">
      <c r="A2927" s="13">
        <v>2925</v>
      </c>
      <c r="B2927" s="10" t="s">
        <v>1586</v>
      </c>
      <c r="C2927" s="12" t="s">
        <v>1535</v>
      </c>
    </row>
    <row r="2928" spans="1:3" ht="31.5">
      <c r="A2928" s="13">
        <v>2926</v>
      </c>
      <c r="B2928" s="15" t="s">
        <v>1586</v>
      </c>
      <c r="C2928" s="12" t="s">
        <v>1535</v>
      </c>
    </row>
    <row r="2929" spans="1:3" ht="24">
      <c r="A2929" s="10">
        <v>2927</v>
      </c>
      <c r="B2929" s="40" t="s">
        <v>1587</v>
      </c>
      <c r="C2929" s="12" t="s">
        <v>1535</v>
      </c>
    </row>
    <row r="2930" spans="1:3" ht="24">
      <c r="A2930" s="13">
        <v>2928</v>
      </c>
      <c r="B2930" s="40" t="s">
        <v>1588</v>
      </c>
      <c r="C2930" s="12" t="s">
        <v>1535</v>
      </c>
    </row>
    <row r="2931" spans="1:3" ht="24">
      <c r="A2931" s="13">
        <v>2929</v>
      </c>
      <c r="B2931" s="41" t="s">
        <v>1589</v>
      </c>
      <c r="C2931" s="12" t="s">
        <v>1535</v>
      </c>
    </row>
    <row r="2932" spans="1:3" ht="24">
      <c r="A2932" s="13">
        <v>2930</v>
      </c>
      <c r="B2932" s="11" t="s">
        <v>1590</v>
      </c>
      <c r="C2932" s="12" t="s">
        <v>1535</v>
      </c>
    </row>
    <row r="2933" spans="1:3" ht="24">
      <c r="A2933" s="10">
        <v>2931</v>
      </c>
      <c r="B2933" s="11" t="s">
        <v>1591</v>
      </c>
      <c r="C2933" s="12" t="s">
        <v>1535</v>
      </c>
    </row>
    <row r="2934" spans="1:3" ht="24">
      <c r="A2934" s="13">
        <v>2932</v>
      </c>
      <c r="B2934" s="11" t="s">
        <v>1592</v>
      </c>
      <c r="C2934" s="12" t="s">
        <v>1535</v>
      </c>
    </row>
    <row r="2935" spans="1:3" ht="24">
      <c r="A2935" s="13">
        <v>2933</v>
      </c>
      <c r="B2935" s="11" t="s">
        <v>1593</v>
      </c>
      <c r="C2935" s="12" t="s">
        <v>1535</v>
      </c>
    </row>
    <row r="2936" spans="1:3" ht="24">
      <c r="A2936" s="13">
        <v>2934</v>
      </c>
      <c r="B2936" s="11" t="s">
        <v>1594</v>
      </c>
      <c r="C2936" s="12" t="s">
        <v>1535</v>
      </c>
    </row>
    <row r="2937" spans="1:3" ht="24">
      <c r="A2937" s="10">
        <v>2935</v>
      </c>
      <c r="B2937" s="11" t="s">
        <v>1595</v>
      </c>
      <c r="C2937" s="12" t="s">
        <v>1535</v>
      </c>
    </row>
    <row r="2938" spans="1:3" ht="24">
      <c r="A2938" s="13">
        <v>2936</v>
      </c>
      <c r="B2938" s="24" t="s">
        <v>1596</v>
      </c>
      <c r="C2938" s="12" t="s">
        <v>1535</v>
      </c>
    </row>
    <row r="2939" spans="1:3" ht="24">
      <c r="A2939" s="13">
        <v>2937</v>
      </c>
      <c r="B2939" s="10" t="s">
        <v>1597</v>
      </c>
      <c r="C2939" s="12" t="s">
        <v>1535</v>
      </c>
    </row>
    <row r="2940" spans="1:3" ht="24">
      <c r="A2940" s="13">
        <v>2938</v>
      </c>
      <c r="B2940" s="10" t="s">
        <v>390</v>
      </c>
      <c r="C2940" s="12" t="s">
        <v>1535</v>
      </c>
    </row>
    <row r="2941" spans="1:3" ht="24">
      <c r="A2941" s="10">
        <v>2939</v>
      </c>
      <c r="B2941" s="17" t="s">
        <v>1598</v>
      </c>
      <c r="C2941" s="12" t="s">
        <v>1535</v>
      </c>
    </row>
    <row r="2942" spans="1:3" ht="24">
      <c r="A2942" s="13">
        <v>2940</v>
      </c>
      <c r="B2942" s="15" t="s">
        <v>1599</v>
      </c>
      <c r="C2942" s="12" t="s">
        <v>1535</v>
      </c>
    </row>
    <row r="2943" spans="1:3" ht="24">
      <c r="A2943" s="13">
        <v>2941</v>
      </c>
      <c r="B2943" s="10" t="s">
        <v>1600</v>
      </c>
      <c r="C2943" s="12" t="s">
        <v>1535</v>
      </c>
    </row>
    <row r="2944" spans="1:3" ht="24">
      <c r="A2944" s="13">
        <v>2942</v>
      </c>
      <c r="B2944" s="10" t="s">
        <v>1601</v>
      </c>
      <c r="C2944" s="12" t="s">
        <v>1535</v>
      </c>
    </row>
    <row r="2945" spans="1:3" ht="24">
      <c r="A2945" s="10">
        <v>2943</v>
      </c>
      <c r="B2945" s="15" t="s">
        <v>1602</v>
      </c>
      <c r="C2945" s="12" t="s">
        <v>1535</v>
      </c>
    </row>
    <row r="2946" spans="1:3" ht="24">
      <c r="A2946" s="13">
        <v>2944</v>
      </c>
      <c r="B2946" s="10" t="s">
        <v>1603</v>
      </c>
      <c r="C2946" s="12" t="s">
        <v>1535</v>
      </c>
    </row>
    <row r="2947" spans="1:3" ht="31.5">
      <c r="A2947" s="13">
        <v>2945</v>
      </c>
      <c r="B2947" s="10" t="s">
        <v>1604</v>
      </c>
      <c r="C2947" s="12" t="s">
        <v>1535</v>
      </c>
    </row>
    <row r="2948" spans="1:3" ht="24">
      <c r="A2948" s="13">
        <v>2946</v>
      </c>
      <c r="B2948" s="10" t="s">
        <v>1605</v>
      </c>
      <c r="C2948" s="12" t="s">
        <v>1535</v>
      </c>
    </row>
    <row r="2949" spans="1:3" ht="24">
      <c r="A2949" s="10">
        <v>2947</v>
      </c>
      <c r="B2949" s="25" t="s">
        <v>1606</v>
      </c>
      <c r="C2949" s="12" t="s">
        <v>1535</v>
      </c>
    </row>
    <row r="2950" spans="1:3" ht="24">
      <c r="A2950" s="13">
        <v>2948</v>
      </c>
      <c r="B2950" s="10" t="s">
        <v>1607</v>
      </c>
      <c r="C2950" s="12" t="s">
        <v>1535</v>
      </c>
    </row>
    <row r="2951" spans="1:3" ht="24">
      <c r="A2951" s="13">
        <v>2949</v>
      </c>
      <c r="B2951" s="10" t="s">
        <v>1608</v>
      </c>
      <c r="C2951" s="12" t="s">
        <v>1535</v>
      </c>
    </row>
    <row r="2952" spans="1:3" ht="24">
      <c r="A2952" s="13">
        <v>2950</v>
      </c>
      <c r="B2952" s="10" t="s">
        <v>1609</v>
      </c>
      <c r="C2952" s="12" t="s">
        <v>1535</v>
      </c>
    </row>
    <row r="2953" spans="1:3" ht="24">
      <c r="A2953" s="10">
        <v>2951</v>
      </c>
      <c r="B2953" s="15" t="s">
        <v>1610</v>
      </c>
      <c r="C2953" s="12" t="s">
        <v>1535</v>
      </c>
    </row>
    <row r="2954" spans="1:3" ht="24">
      <c r="A2954" s="13">
        <v>2952</v>
      </c>
      <c r="B2954" s="10" t="s">
        <v>1611</v>
      </c>
      <c r="C2954" s="12" t="s">
        <v>1535</v>
      </c>
    </row>
    <row r="2955" spans="1:3" ht="24">
      <c r="A2955" s="13">
        <v>2953</v>
      </c>
      <c r="B2955" s="10" t="s">
        <v>1612</v>
      </c>
      <c r="C2955" s="12" t="s">
        <v>1535</v>
      </c>
    </row>
    <row r="2956" spans="1:3" ht="24">
      <c r="A2956" s="13">
        <v>2954</v>
      </c>
      <c r="B2956" s="10" t="s">
        <v>1613</v>
      </c>
      <c r="C2956" s="12" t="s">
        <v>1535</v>
      </c>
    </row>
    <row r="2957" spans="1:3" ht="24">
      <c r="A2957" s="10">
        <v>2955</v>
      </c>
      <c r="B2957" s="10" t="s">
        <v>1614</v>
      </c>
      <c r="C2957" s="12" t="s">
        <v>1535</v>
      </c>
    </row>
    <row r="2958" spans="1:3" ht="24">
      <c r="A2958" s="13">
        <v>2956</v>
      </c>
      <c r="B2958" s="10" t="s">
        <v>1615</v>
      </c>
      <c r="C2958" s="12" t="s">
        <v>1535</v>
      </c>
    </row>
    <row r="2959" spans="1:3" ht="24">
      <c r="A2959" s="13">
        <v>2957</v>
      </c>
      <c r="B2959" s="10" t="s">
        <v>1616</v>
      </c>
      <c r="C2959" s="12" t="s">
        <v>1535</v>
      </c>
    </row>
    <row r="2960" spans="1:3" ht="24">
      <c r="A2960" s="13">
        <v>2958</v>
      </c>
      <c r="B2960" s="10" t="s">
        <v>1617</v>
      </c>
      <c r="C2960" s="12" t="s">
        <v>1535</v>
      </c>
    </row>
    <row r="2961" spans="1:3" ht="24">
      <c r="A2961" s="10">
        <v>2959</v>
      </c>
      <c r="B2961" s="10" t="s">
        <v>1618</v>
      </c>
      <c r="C2961" s="12" t="s">
        <v>1535</v>
      </c>
    </row>
    <row r="2962" spans="1:3" ht="24">
      <c r="A2962" s="13">
        <v>2960</v>
      </c>
      <c r="B2962" s="16" t="s">
        <v>1619</v>
      </c>
      <c r="C2962" s="12" t="s">
        <v>1535</v>
      </c>
    </row>
    <row r="2963" spans="1:3" ht="24">
      <c r="A2963" s="13">
        <v>2961</v>
      </c>
      <c r="B2963" s="10" t="s">
        <v>1620</v>
      </c>
      <c r="C2963" s="12" t="s">
        <v>1535</v>
      </c>
    </row>
    <row r="2964" spans="1:3" ht="24">
      <c r="A2964" s="13">
        <v>2962</v>
      </c>
      <c r="B2964" s="10" t="s">
        <v>1621</v>
      </c>
      <c r="C2964" s="12" t="s">
        <v>1535</v>
      </c>
    </row>
    <row r="2965" spans="1:3" ht="24">
      <c r="A2965" s="10">
        <v>2963</v>
      </c>
      <c r="B2965" s="10" t="s">
        <v>1622</v>
      </c>
      <c r="C2965" s="12" t="s">
        <v>1535</v>
      </c>
    </row>
    <row r="2966" spans="1:3" ht="24">
      <c r="A2966" s="13">
        <v>2964</v>
      </c>
      <c r="B2966" s="10" t="s">
        <v>1623</v>
      </c>
      <c r="C2966" s="12" t="s">
        <v>1535</v>
      </c>
    </row>
    <row r="2967" spans="1:3" ht="24">
      <c r="A2967" s="13">
        <v>2965</v>
      </c>
      <c r="B2967" s="10" t="s">
        <v>1624</v>
      </c>
      <c r="C2967" s="12" t="s">
        <v>1535</v>
      </c>
    </row>
    <row r="2968" spans="1:3" ht="24">
      <c r="A2968" s="13">
        <v>2966</v>
      </c>
      <c r="B2968" s="10" t="s">
        <v>1625</v>
      </c>
      <c r="C2968" s="12" t="s">
        <v>1535</v>
      </c>
    </row>
    <row r="2969" spans="1:3" ht="24">
      <c r="A2969" s="10">
        <v>2967</v>
      </c>
      <c r="B2969" s="10" t="s">
        <v>1625</v>
      </c>
      <c r="C2969" s="12" t="s">
        <v>1535</v>
      </c>
    </row>
    <row r="2970" spans="1:3" ht="24">
      <c r="A2970" s="13">
        <v>2968</v>
      </c>
      <c r="B2970" s="10" t="s">
        <v>1625</v>
      </c>
      <c r="C2970" s="12" t="s">
        <v>1535</v>
      </c>
    </row>
    <row r="2971" spans="1:3" ht="24">
      <c r="A2971" s="13">
        <v>2969</v>
      </c>
      <c r="B2971" s="10" t="s">
        <v>1626</v>
      </c>
      <c r="C2971" s="12" t="s">
        <v>1535</v>
      </c>
    </row>
    <row r="2972" spans="1:3" ht="24">
      <c r="A2972" s="13">
        <v>2970</v>
      </c>
      <c r="B2972" s="10" t="s">
        <v>1627</v>
      </c>
      <c r="C2972" s="12" t="s">
        <v>1535</v>
      </c>
    </row>
    <row r="2973" spans="1:3" ht="24">
      <c r="A2973" s="10">
        <v>2971</v>
      </c>
      <c r="B2973" s="10" t="s">
        <v>1628</v>
      </c>
      <c r="C2973" s="12" t="s">
        <v>1535</v>
      </c>
    </row>
    <row r="2974" spans="1:3" ht="24">
      <c r="A2974" s="13">
        <v>2972</v>
      </c>
      <c r="B2974" s="10" t="s">
        <v>1628</v>
      </c>
      <c r="C2974" s="12" t="s">
        <v>1535</v>
      </c>
    </row>
    <row r="2975" spans="1:3" ht="24">
      <c r="A2975" s="13">
        <v>2973</v>
      </c>
      <c r="B2975" s="10" t="s">
        <v>1628</v>
      </c>
      <c r="C2975" s="12" t="s">
        <v>1535</v>
      </c>
    </row>
    <row r="2976" spans="1:3" ht="24">
      <c r="A2976" s="13">
        <v>2974</v>
      </c>
      <c r="B2976" s="10" t="s">
        <v>1628</v>
      </c>
      <c r="C2976" s="12" t="s">
        <v>1535</v>
      </c>
    </row>
    <row r="2977" spans="1:3" ht="24">
      <c r="A2977" s="10">
        <v>2975</v>
      </c>
      <c r="B2977" s="10" t="s">
        <v>1628</v>
      </c>
      <c r="C2977" s="12" t="s">
        <v>1535</v>
      </c>
    </row>
    <row r="2978" spans="1:3" ht="24">
      <c r="A2978" s="13">
        <v>2976</v>
      </c>
      <c r="B2978" s="10" t="s">
        <v>1628</v>
      </c>
      <c r="C2978" s="12" t="s">
        <v>1535</v>
      </c>
    </row>
    <row r="2979" spans="1:3" ht="24">
      <c r="A2979" s="13">
        <v>2977</v>
      </c>
      <c r="B2979" s="10" t="s">
        <v>1628</v>
      </c>
      <c r="C2979" s="12" t="s">
        <v>1535</v>
      </c>
    </row>
    <row r="2980" spans="1:3" ht="24">
      <c r="A2980" s="13">
        <v>2978</v>
      </c>
      <c r="B2980" s="10" t="s">
        <v>1628</v>
      </c>
      <c r="C2980" s="12" t="s">
        <v>1535</v>
      </c>
    </row>
    <row r="2981" spans="1:3" ht="24">
      <c r="A2981" s="10">
        <v>2979</v>
      </c>
      <c r="B2981" s="10" t="s">
        <v>1628</v>
      </c>
      <c r="C2981" s="12" t="s">
        <v>1535</v>
      </c>
    </row>
    <row r="2982" spans="1:3" ht="24">
      <c r="A2982" s="13">
        <v>2980</v>
      </c>
      <c r="B2982" s="10" t="s">
        <v>1628</v>
      </c>
      <c r="C2982" s="12" t="s">
        <v>1535</v>
      </c>
    </row>
    <row r="2983" spans="1:3" ht="24">
      <c r="A2983" s="13">
        <v>2981</v>
      </c>
      <c r="B2983" s="10" t="s">
        <v>1629</v>
      </c>
      <c r="C2983" s="12" t="s">
        <v>1535</v>
      </c>
    </row>
    <row r="2984" spans="1:3" ht="24">
      <c r="A2984" s="13">
        <v>2982</v>
      </c>
      <c r="B2984" s="10" t="s">
        <v>1629</v>
      </c>
      <c r="C2984" s="12" t="s">
        <v>1535</v>
      </c>
    </row>
    <row r="2985" spans="1:3" ht="24">
      <c r="A2985" s="10">
        <v>2983</v>
      </c>
      <c r="B2985" s="10" t="s">
        <v>1630</v>
      </c>
      <c r="C2985" s="12" t="s">
        <v>1535</v>
      </c>
    </row>
    <row r="2986" spans="1:3" ht="24">
      <c r="A2986" s="13">
        <v>2984</v>
      </c>
      <c r="B2986" s="10" t="s">
        <v>1631</v>
      </c>
      <c r="C2986" s="12" t="s">
        <v>1535</v>
      </c>
    </row>
    <row r="2987" spans="1:3" ht="24">
      <c r="A2987" s="13">
        <v>2985</v>
      </c>
      <c r="B2987" s="10" t="s">
        <v>1631</v>
      </c>
      <c r="C2987" s="12" t="s">
        <v>1535</v>
      </c>
    </row>
    <row r="2988" spans="1:3" ht="24">
      <c r="A2988" s="13">
        <v>2986</v>
      </c>
      <c r="B2988" s="10" t="s">
        <v>1632</v>
      </c>
      <c r="C2988" s="12" t="s">
        <v>1535</v>
      </c>
    </row>
    <row r="2989" spans="1:3" ht="24">
      <c r="A2989" s="10">
        <v>2987</v>
      </c>
      <c r="B2989" s="10" t="s">
        <v>1633</v>
      </c>
      <c r="C2989" s="12" t="s">
        <v>1535</v>
      </c>
    </row>
    <row r="2990" spans="1:3" ht="24">
      <c r="A2990" s="13">
        <v>2988</v>
      </c>
      <c r="B2990" s="10" t="s">
        <v>1633</v>
      </c>
      <c r="C2990" s="12" t="s">
        <v>1535</v>
      </c>
    </row>
    <row r="2991" spans="1:3" ht="24">
      <c r="A2991" s="13">
        <v>2989</v>
      </c>
      <c r="B2991" s="10" t="s">
        <v>1633</v>
      </c>
      <c r="C2991" s="12" t="s">
        <v>1535</v>
      </c>
    </row>
    <row r="2992" spans="1:3" ht="24">
      <c r="A2992" s="13">
        <v>2990</v>
      </c>
      <c r="B2992" s="10" t="s">
        <v>1634</v>
      </c>
      <c r="C2992" s="12" t="s">
        <v>1535</v>
      </c>
    </row>
    <row r="2993" spans="1:3" ht="24">
      <c r="A2993" s="10">
        <v>2991</v>
      </c>
      <c r="B2993" s="10" t="s">
        <v>1634</v>
      </c>
      <c r="C2993" s="12" t="s">
        <v>1535</v>
      </c>
    </row>
    <row r="2994" spans="1:3" ht="24">
      <c r="A2994" s="13">
        <v>2992</v>
      </c>
      <c r="B2994" s="10" t="s">
        <v>1634</v>
      </c>
      <c r="C2994" s="12" t="s">
        <v>1535</v>
      </c>
    </row>
    <row r="2995" spans="1:3" ht="24">
      <c r="A2995" s="13">
        <v>2993</v>
      </c>
      <c r="B2995" s="10" t="s">
        <v>1634</v>
      </c>
      <c r="C2995" s="12" t="s">
        <v>1535</v>
      </c>
    </row>
    <row r="2996" spans="1:3" ht="24">
      <c r="A2996" s="13">
        <v>2994</v>
      </c>
      <c r="B2996" s="10" t="s">
        <v>1635</v>
      </c>
      <c r="C2996" s="12" t="s">
        <v>1535</v>
      </c>
    </row>
    <row r="2997" spans="1:3" ht="24">
      <c r="A2997" s="10">
        <v>2995</v>
      </c>
      <c r="B2997" s="10" t="s">
        <v>1635</v>
      </c>
      <c r="C2997" s="12" t="s">
        <v>1535</v>
      </c>
    </row>
    <row r="2998" spans="1:3" ht="24">
      <c r="A2998" s="13">
        <v>2996</v>
      </c>
      <c r="B2998" s="10" t="s">
        <v>1635</v>
      </c>
      <c r="C2998" s="12" t="s">
        <v>1535</v>
      </c>
    </row>
    <row r="2999" spans="1:3" ht="24">
      <c r="A2999" s="13">
        <v>2997</v>
      </c>
      <c r="B2999" s="10" t="s">
        <v>1635</v>
      </c>
      <c r="C2999" s="12" t="s">
        <v>1535</v>
      </c>
    </row>
    <row r="3000" spans="1:3" ht="24">
      <c r="A3000" s="13">
        <v>2998</v>
      </c>
      <c r="B3000" s="10" t="s">
        <v>1635</v>
      </c>
      <c r="C3000" s="12" t="s">
        <v>1535</v>
      </c>
    </row>
    <row r="3001" spans="1:3" ht="24">
      <c r="A3001" s="10">
        <v>2999</v>
      </c>
      <c r="B3001" s="10" t="s">
        <v>1635</v>
      </c>
      <c r="C3001" s="12" t="s">
        <v>1535</v>
      </c>
    </row>
    <row r="3002" spans="1:3" ht="24">
      <c r="A3002" s="13">
        <v>3000</v>
      </c>
      <c r="B3002" s="10" t="s">
        <v>1635</v>
      </c>
      <c r="C3002" s="12" t="s">
        <v>1535</v>
      </c>
    </row>
    <row r="3003" spans="1:3" ht="31.5">
      <c r="A3003" s="13">
        <v>3001</v>
      </c>
      <c r="B3003" s="10" t="s">
        <v>1636</v>
      </c>
      <c r="C3003" s="12" t="s">
        <v>1535</v>
      </c>
    </row>
    <row r="3004" spans="1:3" ht="31.5">
      <c r="A3004" s="13">
        <v>3002</v>
      </c>
      <c r="B3004" s="10" t="s">
        <v>1637</v>
      </c>
      <c r="C3004" s="12" t="s">
        <v>1535</v>
      </c>
    </row>
    <row r="3005" spans="1:3" ht="31.5">
      <c r="A3005" s="10">
        <v>3003</v>
      </c>
      <c r="B3005" s="10" t="s">
        <v>1637</v>
      </c>
      <c r="C3005" s="12" t="s">
        <v>1535</v>
      </c>
    </row>
    <row r="3006" spans="1:3" ht="31.5">
      <c r="A3006" s="13">
        <v>3004</v>
      </c>
      <c r="B3006" s="10" t="s">
        <v>1637</v>
      </c>
      <c r="C3006" s="12" t="s">
        <v>1535</v>
      </c>
    </row>
    <row r="3007" spans="1:3" ht="31.5">
      <c r="A3007" s="13">
        <v>3005</v>
      </c>
      <c r="B3007" s="10" t="s">
        <v>1637</v>
      </c>
      <c r="C3007" s="12" t="s">
        <v>1535</v>
      </c>
    </row>
    <row r="3008" spans="1:3" ht="31.5">
      <c r="A3008" s="13">
        <v>3006</v>
      </c>
      <c r="B3008" s="10" t="s">
        <v>1637</v>
      </c>
      <c r="C3008" s="12" t="s">
        <v>1535</v>
      </c>
    </row>
    <row r="3009" spans="1:3" ht="31.5">
      <c r="A3009" s="10">
        <v>3007</v>
      </c>
      <c r="B3009" s="10" t="s">
        <v>1637</v>
      </c>
      <c r="C3009" s="12" t="s">
        <v>1535</v>
      </c>
    </row>
    <row r="3010" spans="1:3" ht="31.5">
      <c r="A3010" s="13">
        <v>3008</v>
      </c>
      <c r="B3010" s="10" t="s">
        <v>1637</v>
      </c>
      <c r="C3010" s="12" t="s">
        <v>1535</v>
      </c>
    </row>
    <row r="3011" spans="1:3" ht="31.5">
      <c r="A3011" s="13">
        <v>3009</v>
      </c>
      <c r="B3011" s="10" t="s">
        <v>1637</v>
      </c>
      <c r="C3011" s="12" t="s">
        <v>1535</v>
      </c>
    </row>
    <row r="3012" spans="1:3" ht="31.5">
      <c r="A3012" s="13">
        <v>3010</v>
      </c>
      <c r="B3012" s="10" t="s">
        <v>1637</v>
      </c>
      <c r="C3012" s="12" t="s">
        <v>1535</v>
      </c>
    </row>
    <row r="3013" spans="1:3" ht="31.5">
      <c r="A3013" s="10">
        <v>3011</v>
      </c>
      <c r="B3013" s="10" t="s">
        <v>1637</v>
      </c>
      <c r="C3013" s="12" t="s">
        <v>1535</v>
      </c>
    </row>
    <row r="3014" spans="1:3" ht="31.5">
      <c r="A3014" s="13">
        <v>3012</v>
      </c>
      <c r="B3014" s="10" t="s">
        <v>1637</v>
      </c>
      <c r="C3014" s="12" t="s">
        <v>1535</v>
      </c>
    </row>
    <row r="3015" spans="1:3" ht="24">
      <c r="A3015" s="13">
        <v>3013</v>
      </c>
      <c r="B3015" s="10" t="s">
        <v>1638</v>
      </c>
      <c r="C3015" s="12" t="s">
        <v>1535</v>
      </c>
    </row>
    <row r="3016" spans="1:3" ht="24">
      <c r="A3016" s="13">
        <v>3014</v>
      </c>
      <c r="B3016" s="10" t="s">
        <v>1638</v>
      </c>
      <c r="C3016" s="12" t="s">
        <v>1535</v>
      </c>
    </row>
    <row r="3017" spans="1:3" ht="24">
      <c r="A3017" s="10">
        <v>3015</v>
      </c>
      <c r="B3017" s="10" t="s">
        <v>1638</v>
      </c>
      <c r="C3017" s="12" t="s">
        <v>1535</v>
      </c>
    </row>
    <row r="3018" spans="1:3" ht="24">
      <c r="A3018" s="13">
        <v>3016</v>
      </c>
      <c r="B3018" s="10" t="s">
        <v>1638</v>
      </c>
      <c r="C3018" s="12" t="s">
        <v>1535</v>
      </c>
    </row>
    <row r="3019" spans="1:3" ht="24">
      <c r="A3019" s="13">
        <v>3017</v>
      </c>
      <c r="B3019" s="10" t="s">
        <v>1638</v>
      </c>
      <c r="C3019" s="12" t="s">
        <v>1535</v>
      </c>
    </row>
    <row r="3020" spans="1:3" ht="24">
      <c r="A3020" s="13">
        <v>3018</v>
      </c>
      <c r="B3020" s="10" t="s">
        <v>1638</v>
      </c>
      <c r="C3020" s="12" t="s">
        <v>1535</v>
      </c>
    </row>
    <row r="3021" spans="1:3" ht="24">
      <c r="A3021" s="10">
        <v>3019</v>
      </c>
      <c r="B3021" s="10" t="s">
        <v>1638</v>
      </c>
      <c r="C3021" s="12" t="s">
        <v>1535</v>
      </c>
    </row>
    <row r="3022" spans="1:3" ht="24">
      <c r="A3022" s="13">
        <v>3020</v>
      </c>
      <c r="B3022" s="10" t="s">
        <v>1638</v>
      </c>
      <c r="C3022" s="12" t="s">
        <v>1535</v>
      </c>
    </row>
    <row r="3023" spans="1:3" ht="24">
      <c r="A3023" s="13">
        <v>3021</v>
      </c>
      <c r="B3023" s="10" t="s">
        <v>1638</v>
      </c>
      <c r="C3023" s="12" t="s">
        <v>1535</v>
      </c>
    </row>
    <row r="3024" spans="1:3" ht="24">
      <c r="A3024" s="13">
        <v>3022</v>
      </c>
      <c r="B3024" s="10" t="s">
        <v>1639</v>
      </c>
      <c r="C3024" s="12" t="s">
        <v>1535</v>
      </c>
    </row>
    <row r="3025" spans="1:3" ht="24">
      <c r="A3025" s="10">
        <v>3023</v>
      </c>
      <c r="B3025" s="10" t="s">
        <v>1639</v>
      </c>
      <c r="C3025" s="12" t="s">
        <v>1535</v>
      </c>
    </row>
    <row r="3026" spans="1:3" ht="24">
      <c r="A3026" s="13">
        <v>3024</v>
      </c>
      <c r="B3026" s="10" t="s">
        <v>1639</v>
      </c>
      <c r="C3026" s="12" t="s">
        <v>1535</v>
      </c>
    </row>
    <row r="3027" spans="1:3" ht="24">
      <c r="A3027" s="13">
        <v>3025</v>
      </c>
      <c r="B3027" s="10" t="s">
        <v>1640</v>
      </c>
      <c r="C3027" s="12" t="s">
        <v>1535</v>
      </c>
    </row>
    <row r="3028" spans="1:3" ht="24">
      <c r="A3028" s="13">
        <v>3026</v>
      </c>
      <c r="B3028" s="10" t="s">
        <v>1641</v>
      </c>
      <c r="C3028" s="12" t="s">
        <v>1535</v>
      </c>
    </row>
    <row r="3029" spans="1:3" ht="24">
      <c r="A3029" s="10">
        <v>3027</v>
      </c>
      <c r="B3029" s="10" t="s">
        <v>1641</v>
      </c>
      <c r="C3029" s="12" t="s">
        <v>1535</v>
      </c>
    </row>
    <row r="3030" spans="1:3" ht="24">
      <c r="A3030" s="13">
        <v>3028</v>
      </c>
      <c r="B3030" s="10" t="s">
        <v>1641</v>
      </c>
      <c r="C3030" s="12" t="s">
        <v>1535</v>
      </c>
    </row>
    <row r="3031" spans="1:3" ht="24">
      <c r="A3031" s="13">
        <v>3029</v>
      </c>
      <c r="B3031" s="10" t="s">
        <v>1641</v>
      </c>
      <c r="C3031" s="12" t="s">
        <v>1535</v>
      </c>
    </row>
    <row r="3032" spans="1:3" ht="24">
      <c r="A3032" s="13">
        <v>3030</v>
      </c>
      <c r="B3032" s="10" t="s">
        <v>1641</v>
      </c>
      <c r="C3032" s="12" t="s">
        <v>1535</v>
      </c>
    </row>
    <row r="3033" spans="1:3" ht="24">
      <c r="A3033" s="10">
        <v>3031</v>
      </c>
      <c r="B3033" s="10" t="s">
        <v>1641</v>
      </c>
      <c r="C3033" s="12" t="s">
        <v>1535</v>
      </c>
    </row>
    <row r="3034" spans="1:3" ht="24">
      <c r="A3034" s="13">
        <v>3032</v>
      </c>
      <c r="B3034" s="10" t="s">
        <v>1641</v>
      </c>
      <c r="C3034" s="12" t="s">
        <v>1535</v>
      </c>
    </row>
    <row r="3035" spans="1:3" ht="24">
      <c r="A3035" s="13">
        <v>3033</v>
      </c>
      <c r="B3035" s="10" t="s">
        <v>1641</v>
      </c>
      <c r="C3035" s="12" t="s">
        <v>1535</v>
      </c>
    </row>
    <row r="3036" spans="1:3" ht="24">
      <c r="A3036" s="13">
        <v>3034</v>
      </c>
      <c r="B3036" s="10" t="s">
        <v>1641</v>
      </c>
      <c r="C3036" s="12" t="s">
        <v>1535</v>
      </c>
    </row>
    <row r="3037" spans="1:3" ht="24">
      <c r="A3037" s="10">
        <v>3035</v>
      </c>
      <c r="B3037" s="10" t="s">
        <v>1641</v>
      </c>
      <c r="C3037" s="12" t="s">
        <v>1535</v>
      </c>
    </row>
    <row r="3038" spans="1:3" ht="24">
      <c r="A3038" s="13">
        <v>3036</v>
      </c>
      <c r="B3038" s="10" t="s">
        <v>1642</v>
      </c>
      <c r="C3038" s="12" t="s">
        <v>1535</v>
      </c>
    </row>
    <row r="3039" spans="1:3" ht="24">
      <c r="A3039" s="13">
        <v>3037</v>
      </c>
      <c r="B3039" s="10" t="s">
        <v>1642</v>
      </c>
      <c r="C3039" s="12" t="s">
        <v>1535</v>
      </c>
    </row>
    <row r="3040" spans="1:3" ht="24">
      <c r="A3040" s="13">
        <v>3038</v>
      </c>
      <c r="B3040" s="10" t="s">
        <v>1642</v>
      </c>
      <c r="C3040" s="12" t="s">
        <v>1535</v>
      </c>
    </row>
    <row r="3041" spans="1:3" ht="24">
      <c r="A3041" s="10">
        <v>3039</v>
      </c>
      <c r="B3041" s="10" t="s">
        <v>1642</v>
      </c>
      <c r="C3041" s="12" t="s">
        <v>1535</v>
      </c>
    </row>
    <row r="3042" spans="1:3" ht="24">
      <c r="A3042" s="13">
        <v>3040</v>
      </c>
      <c r="B3042" s="10" t="s">
        <v>1642</v>
      </c>
      <c r="C3042" s="12" t="s">
        <v>1535</v>
      </c>
    </row>
    <row r="3043" spans="1:3" ht="24">
      <c r="A3043" s="13">
        <v>3041</v>
      </c>
      <c r="B3043" s="10" t="s">
        <v>1642</v>
      </c>
      <c r="C3043" s="12" t="s">
        <v>1535</v>
      </c>
    </row>
    <row r="3044" spans="1:3" ht="24">
      <c r="A3044" s="13">
        <v>3042</v>
      </c>
      <c r="B3044" s="10" t="s">
        <v>1642</v>
      </c>
      <c r="C3044" s="12" t="s">
        <v>1535</v>
      </c>
    </row>
    <row r="3045" spans="1:3" ht="24">
      <c r="A3045" s="10">
        <v>3043</v>
      </c>
      <c r="B3045" s="10" t="s">
        <v>1642</v>
      </c>
      <c r="C3045" s="12" t="s">
        <v>1535</v>
      </c>
    </row>
    <row r="3046" spans="1:3" ht="24">
      <c r="A3046" s="13">
        <v>3044</v>
      </c>
      <c r="B3046" s="10" t="s">
        <v>1642</v>
      </c>
      <c r="C3046" s="12" t="s">
        <v>1535</v>
      </c>
    </row>
    <row r="3047" spans="1:3" ht="24">
      <c r="A3047" s="13">
        <v>3045</v>
      </c>
      <c r="B3047" s="10" t="s">
        <v>1642</v>
      </c>
      <c r="C3047" s="12" t="s">
        <v>1535</v>
      </c>
    </row>
    <row r="3048" spans="1:3" ht="24">
      <c r="A3048" s="13">
        <v>3046</v>
      </c>
      <c r="B3048" s="10" t="s">
        <v>1642</v>
      </c>
      <c r="C3048" s="12" t="s">
        <v>1535</v>
      </c>
    </row>
    <row r="3049" spans="1:3" ht="24">
      <c r="A3049" s="10">
        <v>3047</v>
      </c>
      <c r="B3049" s="10" t="s">
        <v>1642</v>
      </c>
      <c r="C3049" s="12" t="s">
        <v>1535</v>
      </c>
    </row>
    <row r="3050" spans="1:3" ht="31.5">
      <c r="A3050" s="13">
        <v>3048</v>
      </c>
      <c r="B3050" s="10" t="s">
        <v>1643</v>
      </c>
      <c r="C3050" s="12" t="s">
        <v>1535</v>
      </c>
    </row>
    <row r="3051" spans="1:3" ht="31.5">
      <c r="A3051" s="13">
        <v>3049</v>
      </c>
      <c r="B3051" s="10" t="s">
        <v>1643</v>
      </c>
      <c r="C3051" s="12" t="s">
        <v>1535</v>
      </c>
    </row>
    <row r="3052" spans="1:3" ht="31.5">
      <c r="A3052" s="13">
        <v>3050</v>
      </c>
      <c r="B3052" s="10" t="s">
        <v>1643</v>
      </c>
      <c r="C3052" s="12" t="s">
        <v>1535</v>
      </c>
    </row>
    <row r="3053" spans="1:3" ht="24">
      <c r="A3053" s="10">
        <v>3051</v>
      </c>
      <c r="B3053" s="10" t="s">
        <v>1644</v>
      </c>
      <c r="C3053" s="12" t="s">
        <v>1535</v>
      </c>
    </row>
    <row r="3054" spans="1:3" ht="24">
      <c r="A3054" s="13">
        <v>3052</v>
      </c>
      <c r="B3054" s="10" t="s">
        <v>1644</v>
      </c>
      <c r="C3054" s="12" t="s">
        <v>1535</v>
      </c>
    </row>
    <row r="3055" spans="1:3" ht="24">
      <c r="A3055" s="13">
        <v>3053</v>
      </c>
      <c r="B3055" s="10" t="s">
        <v>1645</v>
      </c>
      <c r="C3055" s="12" t="s">
        <v>1535</v>
      </c>
    </row>
    <row r="3056" spans="1:3" ht="24">
      <c r="A3056" s="13">
        <v>3054</v>
      </c>
      <c r="B3056" s="10" t="s">
        <v>1646</v>
      </c>
      <c r="C3056" s="12" t="s">
        <v>1535</v>
      </c>
    </row>
    <row r="3057" spans="1:3" ht="24">
      <c r="A3057" s="10">
        <v>3055</v>
      </c>
      <c r="B3057" s="10" t="s">
        <v>1647</v>
      </c>
      <c r="C3057" s="12" t="s">
        <v>1535</v>
      </c>
    </row>
    <row r="3058" spans="1:3" ht="24">
      <c r="A3058" s="13">
        <v>3056</v>
      </c>
      <c r="B3058" s="10" t="s">
        <v>1648</v>
      </c>
      <c r="C3058" s="12" t="s">
        <v>1535</v>
      </c>
    </row>
    <row r="3059" spans="1:3" ht="24">
      <c r="A3059" s="13">
        <v>3057</v>
      </c>
      <c r="B3059" s="10" t="s">
        <v>1649</v>
      </c>
      <c r="C3059" s="12" t="s">
        <v>1535</v>
      </c>
    </row>
    <row r="3060" spans="1:3" ht="24">
      <c r="A3060" s="13">
        <v>3058</v>
      </c>
      <c r="B3060" s="10" t="s">
        <v>1650</v>
      </c>
      <c r="C3060" s="12" t="s">
        <v>1535</v>
      </c>
    </row>
    <row r="3061" spans="1:3" ht="24">
      <c r="A3061" s="10">
        <v>3059</v>
      </c>
      <c r="B3061" s="10" t="s">
        <v>1650</v>
      </c>
      <c r="C3061" s="12" t="s">
        <v>1535</v>
      </c>
    </row>
    <row r="3062" spans="1:3" ht="24">
      <c r="A3062" s="13">
        <v>3060</v>
      </c>
      <c r="B3062" s="10" t="s">
        <v>1651</v>
      </c>
      <c r="C3062" s="12" t="s">
        <v>1535</v>
      </c>
    </row>
    <row r="3063" spans="1:3" ht="24">
      <c r="A3063" s="13">
        <v>3061</v>
      </c>
      <c r="B3063" s="10" t="s">
        <v>1651</v>
      </c>
      <c r="C3063" s="12" t="s">
        <v>1535</v>
      </c>
    </row>
    <row r="3064" spans="1:3" ht="24">
      <c r="A3064" s="13">
        <v>3062</v>
      </c>
      <c r="B3064" s="10" t="s">
        <v>1651</v>
      </c>
      <c r="C3064" s="12" t="s">
        <v>1535</v>
      </c>
    </row>
    <row r="3065" spans="1:3" ht="24">
      <c r="A3065" s="10">
        <v>3063</v>
      </c>
      <c r="B3065" s="10" t="s">
        <v>1651</v>
      </c>
      <c r="C3065" s="12" t="s">
        <v>1535</v>
      </c>
    </row>
    <row r="3066" spans="1:3" ht="24">
      <c r="A3066" s="13">
        <v>3064</v>
      </c>
      <c r="B3066" s="10" t="s">
        <v>1652</v>
      </c>
      <c r="C3066" s="12" t="s">
        <v>1535</v>
      </c>
    </row>
    <row r="3067" spans="1:3" ht="24">
      <c r="A3067" s="13">
        <v>3065</v>
      </c>
      <c r="B3067" s="10" t="s">
        <v>1652</v>
      </c>
      <c r="C3067" s="12" t="s">
        <v>1535</v>
      </c>
    </row>
    <row r="3068" spans="1:3" ht="24">
      <c r="A3068" s="13">
        <v>3066</v>
      </c>
      <c r="B3068" s="10" t="s">
        <v>1652</v>
      </c>
      <c r="C3068" s="12" t="s">
        <v>1535</v>
      </c>
    </row>
    <row r="3069" spans="1:3" ht="24">
      <c r="A3069" s="10">
        <v>3067</v>
      </c>
      <c r="B3069" s="10" t="s">
        <v>1652</v>
      </c>
      <c r="C3069" s="12" t="s">
        <v>1535</v>
      </c>
    </row>
    <row r="3070" spans="1:3" ht="24">
      <c r="A3070" s="13">
        <v>3068</v>
      </c>
      <c r="B3070" s="10" t="s">
        <v>1653</v>
      </c>
      <c r="C3070" s="12" t="s">
        <v>1535</v>
      </c>
    </row>
    <row r="3071" spans="1:3" ht="24">
      <c r="A3071" s="13">
        <v>3069</v>
      </c>
      <c r="B3071" s="10" t="s">
        <v>1654</v>
      </c>
      <c r="C3071" s="12" t="s">
        <v>1535</v>
      </c>
    </row>
    <row r="3072" spans="1:3" ht="24">
      <c r="A3072" s="13">
        <v>3070</v>
      </c>
      <c r="B3072" s="10" t="s">
        <v>1655</v>
      </c>
      <c r="C3072" s="12" t="s">
        <v>1535</v>
      </c>
    </row>
    <row r="3073" spans="1:3" ht="24">
      <c r="A3073" s="10">
        <v>3071</v>
      </c>
      <c r="B3073" s="10" t="s">
        <v>1656</v>
      </c>
      <c r="C3073" s="12" t="s">
        <v>1535</v>
      </c>
    </row>
    <row r="3074" spans="1:3" ht="24">
      <c r="A3074" s="13">
        <v>3072</v>
      </c>
      <c r="B3074" s="10" t="s">
        <v>1657</v>
      </c>
      <c r="C3074" s="12" t="s">
        <v>1535</v>
      </c>
    </row>
    <row r="3075" spans="1:3" ht="24">
      <c r="A3075" s="13">
        <v>3073</v>
      </c>
      <c r="B3075" s="10" t="s">
        <v>1658</v>
      </c>
      <c r="C3075" s="12" t="s">
        <v>1535</v>
      </c>
    </row>
    <row r="3076" spans="1:3" ht="24">
      <c r="A3076" s="13">
        <v>3074</v>
      </c>
      <c r="B3076" s="10" t="s">
        <v>1658</v>
      </c>
      <c r="C3076" s="12" t="s">
        <v>1535</v>
      </c>
    </row>
    <row r="3077" spans="1:3" ht="24">
      <c r="A3077" s="10">
        <v>3075</v>
      </c>
      <c r="B3077" s="10" t="s">
        <v>1659</v>
      </c>
      <c r="C3077" s="12" t="s">
        <v>1535</v>
      </c>
    </row>
    <row r="3078" spans="1:3" ht="24">
      <c r="A3078" s="13">
        <v>3076</v>
      </c>
      <c r="B3078" s="10" t="s">
        <v>1659</v>
      </c>
      <c r="C3078" s="12" t="s">
        <v>1535</v>
      </c>
    </row>
    <row r="3079" spans="1:3" ht="24">
      <c r="A3079" s="13">
        <v>3077</v>
      </c>
      <c r="B3079" s="10" t="s">
        <v>1659</v>
      </c>
      <c r="C3079" s="12" t="s">
        <v>1535</v>
      </c>
    </row>
    <row r="3080" spans="1:3" ht="24">
      <c r="A3080" s="13">
        <v>3078</v>
      </c>
      <c r="B3080" s="10" t="s">
        <v>1659</v>
      </c>
      <c r="C3080" s="12" t="s">
        <v>1535</v>
      </c>
    </row>
    <row r="3081" spans="1:3" ht="24">
      <c r="A3081" s="10">
        <v>3079</v>
      </c>
      <c r="B3081" s="10" t="s">
        <v>1659</v>
      </c>
      <c r="C3081" s="12" t="s">
        <v>1535</v>
      </c>
    </row>
    <row r="3082" spans="1:3" ht="24">
      <c r="A3082" s="13">
        <v>3080</v>
      </c>
      <c r="B3082" s="10" t="s">
        <v>1659</v>
      </c>
      <c r="C3082" s="12" t="s">
        <v>1535</v>
      </c>
    </row>
    <row r="3083" spans="1:3" ht="24">
      <c r="A3083" s="13">
        <v>3081</v>
      </c>
      <c r="B3083" s="10" t="s">
        <v>1659</v>
      </c>
      <c r="C3083" s="12" t="s">
        <v>1535</v>
      </c>
    </row>
    <row r="3084" spans="1:3" ht="24">
      <c r="A3084" s="13">
        <v>3082</v>
      </c>
      <c r="B3084" s="10" t="s">
        <v>1659</v>
      </c>
      <c r="C3084" s="12" t="s">
        <v>1535</v>
      </c>
    </row>
    <row r="3085" spans="1:3" ht="24">
      <c r="A3085" s="10">
        <v>3083</v>
      </c>
      <c r="B3085" s="10" t="s">
        <v>1659</v>
      </c>
      <c r="C3085" s="12" t="s">
        <v>1535</v>
      </c>
    </row>
    <row r="3086" spans="1:3" ht="24">
      <c r="A3086" s="13">
        <v>3084</v>
      </c>
      <c r="B3086" s="10" t="s">
        <v>1659</v>
      </c>
      <c r="C3086" s="12" t="s">
        <v>1535</v>
      </c>
    </row>
    <row r="3087" spans="1:3" ht="24">
      <c r="A3087" s="13">
        <v>3085</v>
      </c>
      <c r="B3087" s="10" t="s">
        <v>1659</v>
      </c>
      <c r="C3087" s="12" t="s">
        <v>1535</v>
      </c>
    </row>
    <row r="3088" spans="1:3" ht="24">
      <c r="A3088" s="13">
        <v>3086</v>
      </c>
      <c r="B3088" s="10" t="s">
        <v>1659</v>
      </c>
      <c r="C3088" s="12" t="s">
        <v>1535</v>
      </c>
    </row>
    <row r="3089" spans="1:3" ht="24">
      <c r="A3089" s="10">
        <v>3087</v>
      </c>
      <c r="B3089" s="10" t="s">
        <v>1659</v>
      </c>
      <c r="C3089" s="12" t="s">
        <v>1535</v>
      </c>
    </row>
    <row r="3090" spans="1:3" ht="24">
      <c r="A3090" s="13">
        <v>3088</v>
      </c>
      <c r="B3090" s="10" t="s">
        <v>1659</v>
      </c>
      <c r="C3090" s="12" t="s">
        <v>1535</v>
      </c>
    </row>
    <row r="3091" spans="1:3" ht="24">
      <c r="A3091" s="13">
        <v>3089</v>
      </c>
      <c r="B3091" s="10" t="s">
        <v>1659</v>
      </c>
      <c r="C3091" s="12" t="s">
        <v>1535</v>
      </c>
    </row>
    <row r="3092" spans="1:3" ht="24">
      <c r="A3092" s="13">
        <v>3090</v>
      </c>
      <c r="B3092" s="10" t="s">
        <v>1659</v>
      </c>
      <c r="C3092" s="12" t="s">
        <v>1535</v>
      </c>
    </row>
    <row r="3093" spans="1:3" ht="24">
      <c r="A3093" s="10">
        <v>3091</v>
      </c>
      <c r="B3093" s="10" t="s">
        <v>1659</v>
      </c>
      <c r="C3093" s="12" t="s">
        <v>1535</v>
      </c>
    </row>
    <row r="3094" spans="1:3" ht="24">
      <c r="A3094" s="13">
        <v>3092</v>
      </c>
      <c r="B3094" s="10" t="s">
        <v>1659</v>
      </c>
      <c r="C3094" s="12" t="s">
        <v>1535</v>
      </c>
    </row>
    <row r="3095" spans="1:3" ht="24">
      <c r="A3095" s="13">
        <v>3093</v>
      </c>
      <c r="B3095" s="10" t="s">
        <v>1659</v>
      </c>
      <c r="C3095" s="12" t="s">
        <v>1535</v>
      </c>
    </row>
    <row r="3096" spans="1:3" ht="24">
      <c r="A3096" s="13">
        <v>3094</v>
      </c>
      <c r="B3096" s="10" t="s">
        <v>1659</v>
      </c>
      <c r="C3096" s="12" t="s">
        <v>1535</v>
      </c>
    </row>
    <row r="3097" spans="1:3" ht="24">
      <c r="A3097" s="10">
        <v>3095</v>
      </c>
      <c r="B3097" s="10" t="s">
        <v>1659</v>
      </c>
      <c r="C3097" s="12" t="s">
        <v>1535</v>
      </c>
    </row>
    <row r="3098" spans="1:3" ht="24">
      <c r="A3098" s="13">
        <v>3096</v>
      </c>
      <c r="B3098" s="10" t="s">
        <v>1659</v>
      </c>
      <c r="C3098" s="12" t="s">
        <v>1535</v>
      </c>
    </row>
    <row r="3099" spans="1:3" ht="24">
      <c r="A3099" s="13">
        <v>3097</v>
      </c>
      <c r="B3099" s="10" t="s">
        <v>1659</v>
      </c>
      <c r="C3099" s="12" t="s">
        <v>1535</v>
      </c>
    </row>
    <row r="3100" spans="1:3" ht="24">
      <c r="A3100" s="13">
        <v>3098</v>
      </c>
      <c r="B3100" s="10" t="s">
        <v>1659</v>
      </c>
      <c r="C3100" s="12" t="s">
        <v>1535</v>
      </c>
    </row>
    <row r="3101" spans="1:3" ht="24">
      <c r="A3101" s="10">
        <v>3099</v>
      </c>
      <c r="B3101" s="10" t="s">
        <v>1659</v>
      </c>
      <c r="C3101" s="12" t="s">
        <v>1535</v>
      </c>
    </row>
    <row r="3102" spans="1:3" ht="24">
      <c r="A3102" s="13">
        <v>3100</v>
      </c>
      <c r="B3102" s="10" t="s">
        <v>1659</v>
      </c>
      <c r="C3102" s="12" t="s">
        <v>1535</v>
      </c>
    </row>
    <row r="3103" spans="1:3" ht="24">
      <c r="A3103" s="13">
        <v>3101</v>
      </c>
      <c r="B3103" s="10" t="s">
        <v>1659</v>
      </c>
      <c r="C3103" s="12" t="s">
        <v>1535</v>
      </c>
    </row>
    <row r="3104" spans="1:3" ht="24">
      <c r="A3104" s="13">
        <v>3102</v>
      </c>
      <c r="B3104" s="10" t="s">
        <v>1659</v>
      </c>
      <c r="C3104" s="12" t="s">
        <v>1535</v>
      </c>
    </row>
    <row r="3105" spans="1:3" ht="24">
      <c r="A3105" s="10">
        <v>3103</v>
      </c>
      <c r="B3105" s="10" t="s">
        <v>1659</v>
      </c>
      <c r="C3105" s="12" t="s">
        <v>1535</v>
      </c>
    </row>
    <row r="3106" spans="1:3" ht="24">
      <c r="A3106" s="13">
        <v>3104</v>
      </c>
      <c r="B3106" s="10" t="s">
        <v>1659</v>
      </c>
      <c r="C3106" s="12" t="s">
        <v>1535</v>
      </c>
    </row>
    <row r="3107" spans="1:3" ht="24">
      <c r="A3107" s="13">
        <v>3105</v>
      </c>
      <c r="B3107" s="10" t="s">
        <v>1659</v>
      </c>
      <c r="C3107" s="12" t="s">
        <v>1535</v>
      </c>
    </row>
    <row r="3108" spans="1:3" ht="24">
      <c r="A3108" s="13">
        <v>3106</v>
      </c>
      <c r="B3108" s="10" t="s">
        <v>1659</v>
      </c>
      <c r="C3108" s="12" t="s">
        <v>1535</v>
      </c>
    </row>
    <row r="3109" spans="1:3" ht="24">
      <c r="A3109" s="10">
        <v>3107</v>
      </c>
      <c r="B3109" s="10" t="s">
        <v>1659</v>
      </c>
      <c r="C3109" s="12" t="s">
        <v>1535</v>
      </c>
    </row>
    <row r="3110" spans="1:3" ht="24">
      <c r="A3110" s="13">
        <v>3108</v>
      </c>
      <c r="B3110" s="10" t="s">
        <v>1659</v>
      </c>
      <c r="C3110" s="12" t="s">
        <v>1535</v>
      </c>
    </row>
    <row r="3111" spans="1:3" ht="24">
      <c r="A3111" s="13">
        <v>3109</v>
      </c>
      <c r="B3111" s="10" t="s">
        <v>1659</v>
      </c>
      <c r="C3111" s="12" t="s">
        <v>1535</v>
      </c>
    </row>
    <row r="3112" spans="1:3" ht="24">
      <c r="A3112" s="13">
        <v>3110</v>
      </c>
      <c r="B3112" s="10" t="s">
        <v>1659</v>
      </c>
      <c r="C3112" s="12" t="s">
        <v>1535</v>
      </c>
    </row>
    <row r="3113" spans="1:3" ht="24">
      <c r="A3113" s="10">
        <v>3111</v>
      </c>
      <c r="B3113" s="10" t="s">
        <v>1659</v>
      </c>
      <c r="C3113" s="12" t="s">
        <v>1535</v>
      </c>
    </row>
    <row r="3114" spans="1:3" ht="24">
      <c r="A3114" s="13">
        <v>3112</v>
      </c>
      <c r="B3114" s="10" t="s">
        <v>1659</v>
      </c>
      <c r="C3114" s="12" t="s">
        <v>1535</v>
      </c>
    </row>
    <row r="3115" spans="1:3" ht="24">
      <c r="A3115" s="13">
        <v>3113</v>
      </c>
      <c r="B3115" s="10" t="s">
        <v>1659</v>
      </c>
      <c r="C3115" s="12" t="s">
        <v>1535</v>
      </c>
    </row>
    <row r="3116" spans="1:3" ht="24">
      <c r="A3116" s="13">
        <v>3114</v>
      </c>
      <c r="B3116" s="10" t="s">
        <v>1659</v>
      </c>
      <c r="C3116" s="12" t="s">
        <v>1535</v>
      </c>
    </row>
    <row r="3117" spans="1:3" ht="24">
      <c r="A3117" s="10">
        <v>3115</v>
      </c>
      <c r="B3117" s="10" t="s">
        <v>1659</v>
      </c>
      <c r="C3117" s="12" t="s">
        <v>1535</v>
      </c>
    </row>
    <row r="3118" spans="1:3" ht="24">
      <c r="A3118" s="13">
        <v>3116</v>
      </c>
      <c r="B3118" s="10" t="s">
        <v>1659</v>
      </c>
      <c r="C3118" s="12" t="s">
        <v>1535</v>
      </c>
    </row>
    <row r="3119" spans="1:3" ht="24">
      <c r="A3119" s="13">
        <v>3117</v>
      </c>
      <c r="B3119" s="10" t="s">
        <v>1659</v>
      </c>
      <c r="C3119" s="12" t="s">
        <v>1535</v>
      </c>
    </row>
    <row r="3120" spans="1:3" ht="24">
      <c r="A3120" s="13">
        <v>3118</v>
      </c>
      <c r="B3120" s="10" t="s">
        <v>1659</v>
      </c>
      <c r="C3120" s="12" t="s">
        <v>1535</v>
      </c>
    </row>
    <row r="3121" spans="1:3" ht="24">
      <c r="A3121" s="10">
        <v>3119</v>
      </c>
      <c r="B3121" s="10" t="s">
        <v>1659</v>
      </c>
      <c r="C3121" s="12" t="s">
        <v>1535</v>
      </c>
    </row>
    <row r="3122" spans="1:3" ht="24">
      <c r="A3122" s="13">
        <v>3120</v>
      </c>
      <c r="B3122" s="10" t="s">
        <v>1659</v>
      </c>
      <c r="C3122" s="12" t="s">
        <v>1535</v>
      </c>
    </row>
    <row r="3123" spans="1:3" ht="24">
      <c r="A3123" s="13">
        <v>3121</v>
      </c>
      <c r="B3123" s="10" t="s">
        <v>1659</v>
      </c>
      <c r="C3123" s="12" t="s">
        <v>1535</v>
      </c>
    </row>
    <row r="3124" spans="1:3" ht="24">
      <c r="A3124" s="13">
        <v>3122</v>
      </c>
      <c r="B3124" s="10" t="s">
        <v>1659</v>
      </c>
      <c r="C3124" s="12" t="s">
        <v>1535</v>
      </c>
    </row>
    <row r="3125" spans="1:3" ht="24">
      <c r="A3125" s="10">
        <v>3123</v>
      </c>
      <c r="B3125" s="10" t="s">
        <v>1659</v>
      </c>
      <c r="C3125" s="12" t="s">
        <v>1535</v>
      </c>
    </row>
    <row r="3126" spans="1:3" ht="24">
      <c r="A3126" s="13">
        <v>3124</v>
      </c>
      <c r="B3126" s="10" t="s">
        <v>1659</v>
      </c>
      <c r="C3126" s="12" t="s">
        <v>1535</v>
      </c>
    </row>
    <row r="3127" spans="1:3" ht="24">
      <c r="A3127" s="13">
        <v>3125</v>
      </c>
      <c r="B3127" s="10" t="s">
        <v>1659</v>
      </c>
      <c r="C3127" s="12" t="s">
        <v>1535</v>
      </c>
    </row>
    <row r="3128" spans="1:3" ht="24">
      <c r="A3128" s="13">
        <v>3126</v>
      </c>
      <c r="B3128" s="10" t="s">
        <v>1659</v>
      </c>
      <c r="C3128" s="12" t="s">
        <v>1535</v>
      </c>
    </row>
    <row r="3129" spans="1:3" ht="24">
      <c r="A3129" s="10">
        <v>3127</v>
      </c>
      <c r="B3129" s="10" t="s">
        <v>1659</v>
      </c>
      <c r="C3129" s="12" t="s">
        <v>1535</v>
      </c>
    </row>
    <row r="3130" spans="1:3" ht="24">
      <c r="A3130" s="13">
        <v>3128</v>
      </c>
      <c r="B3130" s="10" t="s">
        <v>1659</v>
      </c>
      <c r="C3130" s="12" t="s">
        <v>1535</v>
      </c>
    </row>
    <row r="3131" spans="1:3" ht="24">
      <c r="A3131" s="13">
        <v>3129</v>
      </c>
      <c r="B3131" s="10" t="s">
        <v>1659</v>
      </c>
      <c r="C3131" s="12" t="s">
        <v>1535</v>
      </c>
    </row>
    <row r="3132" spans="1:3" ht="24">
      <c r="A3132" s="13">
        <v>3130</v>
      </c>
      <c r="B3132" s="10" t="s">
        <v>1659</v>
      </c>
      <c r="C3132" s="12" t="s">
        <v>1535</v>
      </c>
    </row>
    <row r="3133" spans="1:3" ht="24">
      <c r="A3133" s="10">
        <v>3131</v>
      </c>
      <c r="B3133" s="10" t="s">
        <v>1659</v>
      </c>
      <c r="C3133" s="12" t="s">
        <v>1535</v>
      </c>
    </row>
    <row r="3134" spans="1:3" ht="24">
      <c r="A3134" s="13">
        <v>3132</v>
      </c>
      <c r="B3134" s="10" t="s">
        <v>1659</v>
      </c>
      <c r="C3134" s="12" t="s">
        <v>1535</v>
      </c>
    </row>
    <row r="3135" spans="1:3" ht="24">
      <c r="A3135" s="13">
        <v>3133</v>
      </c>
      <c r="B3135" s="10" t="s">
        <v>1659</v>
      </c>
      <c r="C3135" s="12" t="s">
        <v>1535</v>
      </c>
    </row>
    <row r="3136" spans="1:3" ht="24">
      <c r="A3136" s="13">
        <v>3134</v>
      </c>
      <c r="B3136" s="10" t="s">
        <v>1659</v>
      </c>
      <c r="C3136" s="12" t="s">
        <v>1535</v>
      </c>
    </row>
    <row r="3137" spans="1:3" ht="24">
      <c r="A3137" s="10">
        <v>3135</v>
      </c>
      <c r="B3137" s="10" t="s">
        <v>1660</v>
      </c>
      <c r="C3137" s="12" t="s">
        <v>1535</v>
      </c>
    </row>
    <row r="3138" spans="1:3" ht="24">
      <c r="A3138" s="13">
        <v>3136</v>
      </c>
      <c r="B3138" s="10" t="s">
        <v>1661</v>
      </c>
      <c r="C3138" s="12" t="s">
        <v>1535</v>
      </c>
    </row>
    <row r="3139" spans="1:3" ht="24">
      <c r="A3139" s="13">
        <v>3137</v>
      </c>
      <c r="B3139" s="10" t="s">
        <v>1661</v>
      </c>
      <c r="C3139" s="12" t="s">
        <v>1535</v>
      </c>
    </row>
    <row r="3140" spans="1:3" ht="24">
      <c r="A3140" s="13">
        <v>3138</v>
      </c>
      <c r="B3140" s="10" t="s">
        <v>1662</v>
      </c>
      <c r="C3140" s="12" t="s">
        <v>1535</v>
      </c>
    </row>
    <row r="3141" spans="1:3" ht="24">
      <c r="A3141" s="10">
        <v>3139</v>
      </c>
      <c r="B3141" s="10" t="s">
        <v>1663</v>
      </c>
      <c r="C3141" s="12" t="s">
        <v>1535</v>
      </c>
    </row>
    <row r="3142" spans="1:3" ht="24">
      <c r="A3142" s="13">
        <v>3140</v>
      </c>
      <c r="B3142" s="10" t="s">
        <v>1447</v>
      </c>
      <c r="C3142" s="12" t="s">
        <v>1535</v>
      </c>
    </row>
    <row r="3143" spans="1:3" ht="24">
      <c r="A3143" s="13">
        <v>3141</v>
      </c>
      <c r="B3143" s="10" t="s">
        <v>1447</v>
      </c>
      <c r="C3143" s="12" t="s">
        <v>1535</v>
      </c>
    </row>
    <row r="3144" spans="1:3" ht="24">
      <c r="A3144" s="13">
        <v>3142</v>
      </c>
      <c r="B3144" s="10" t="s">
        <v>1664</v>
      </c>
      <c r="C3144" s="12" t="s">
        <v>1535</v>
      </c>
    </row>
    <row r="3145" spans="1:3" ht="24">
      <c r="A3145" s="10">
        <v>3143</v>
      </c>
      <c r="B3145" s="10" t="s">
        <v>1665</v>
      </c>
      <c r="C3145" s="12" t="s">
        <v>1535</v>
      </c>
    </row>
    <row r="3146" spans="1:3" ht="24">
      <c r="A3146" s="13">
        <v>3144</v>
      </c>
      <c r="B3146" s="10" t="s">
        <v>1666</v>
      </c>
      <c r="C3146" s="12" t="s">
        <v>1535</v>
      </c>
    </row>
    <row r="3147" spans="1:3" ht="24">
      <c r="A3147" s="13">
        <v>3145</v>
      </c>
      <c r="B3147" s="10" t="s">
        <v>1667</v>
      </c>
      <c r="C3147" s="12" t="s">
        <v>1535</v>
      </c>
    </row>
    <row r="3148" spans="1:3" ht="24">
      <c r="A3148" s="13">
        <v>3146</v>
      </c>
      <c r="B3148" s="10" t="s">
        <v>1668</v>
      </c>
      <c r="C3148" s="12" t="s">
        <v>1535</v>
      </c>
    </row>
    <row r="3149" spans="1:3" ht="24">
      <c r="A3149" s="10">
        <v>3147</v>
      </c>
      <c r="B3149" s="10" t="s">
        <v>1669</v>
      </c>
      <c r="C3149" s="12" t="s">
        <v>1535</v>
      </c>
    </row>
    <row r="3150" spans="1:3" ht="24">
      <c r="A3150" s="13">
        <v>3148</v>
      </c>
      <c r="B3150" s="10" t="s">
        <v>1670</v>
      </c>
      <c r="C3150" s="12" t="s">
        <v>1535</v>
      </c>
    </row>
    <row r="3151" spans="1:3" ht="24">
      <c r="A3151" s="13">
        <v>3149</v>
      </c>
      <c r="B3151" s="10" t="s">
        <v>1670</v>
      </c>
      <c r="C3151" s="12" t="s">
        <v>1535</v>
      </c>
    </row>
    <row r="3152" spans="1:3" ht="24">
      <c r="A3152" s="13">
        <v>3150</v>
      </c>
      <c r="B3152" s="10" t="s">
        <v>1671</v>
      </c>
      <c r="C3152" s="12" t="s">
        <v>1535</v>
      </c>
    </row>
    <row r="3153" spans="1:3" ht="24">
      <c r="A3153" s="10">
        <v>3151</v>
      </c>
      <c r="B3153" s="10" t="s">
        <v>1672</v>
      </c>
      <c r="C3153" s="12" t="s">
        <v>1535</v>
      </c>
    </row>
    <row r="3154" spans="1:3" ht="24">
      <c r="A3154" s="13">
        <v>3152</v>
      </c>
      <c r="B3154" s="10" t="s">
        <v>1673</v>
      </c>
      <c r="C3154" s="12" t="s">
        <v>1535</v>
      </c>
    </row>
    <row r="3155" spans="1:3" ht="24">
      <c r="A3155" s="13">
        <v>3153</v>
      </c>
      <c r="B3155" s="10" t="s">
        <v>1673</v>
      </c>
      <c r="C3155" s="12" t="s">
        <v>1535</v>
      </c>
    </row>
    <row r="3156" spans="1:3" ht="24">
      <c r="A3156" s="13">
        <v>3154</v>
      </c>
      <c r="B3156" s="10" t="s">
        <v>1674</v>
      </c>
      <c r="C3156" s="12" t="s">
        <v>1535</v>
      </c>
    </row>
    <row r="3157" spans="1:3" ht="24">
      <c r="A3157" s="10">
        <v>3155</v>
      </c>
      <c r="B3157" s="10" t="s">
        <v>1675</v>
      </c>
      <c r="C3157" s="12" t="s">
        <v>1535</v>
      </c>
    </row>
    <row r="3158" spans="1:3" ht="24">
      <c r="A3158" s="13">
        <v>3156</v>
      </c>
      <c r="B3158" s="10" t="s">
        <v>1676</v>
      </c>
      <c r="C3158" s="12" t="s">
        <v>1535</v>
      </c>
    </row>
    <row r="3159" spans="1:3" ht="24">
      <c r="A3159" s="13">
        <v>3157</v>
      </c>
      <c r="B3159" s="10" t="s">
        <v>1677</v>
      </c>
      <c r="C3159" s="12" t="s">
        <v>1535</v>
      </c>
    </row>
    <row r="3160" spans="1:3" ht="24">
      <c r="A3160" s="13">
        <v>3158</v>
      </c>
      <c r="B3160" s="10" t="s">
        <v>1678</v>
      </c>
      <c r="C3160" s="12" t="s">
        <v>1535</v>
      </c>
    </row>
    <row r="3161" spans="1:3" ht="24">
      <c r="A3161" s="10">
        <v>3159</v>
      </c>
      <c r="B3161" s="10" t="s">
        <v>1678</v>
      </c>
      <c r="C3161" s="12" t="s">
        <v>1535</v>
      </c>
    </row>
    <row r="3162" spans="1:3" ht="24">
      <c r="A3162" s="13">
        <v>3160</v>
      </c>
      <c r="B3162" s="10" t="s">
        <v>1679</v>
      </c>
      <c r="C3162" s="12" t="s">
        <v>1535</v>
      </c>
    </row>
    <row r="3163" spans="1:3" ht="24">
      <c r="A3163" s="13">
        <v>3161</v>
      </c>
      <c r="B3163" s="10" t="s">
        <v>1680</v>
      </c>
      <c r="C3163" s="12" t="s">
        <v>1535</v>
      </c>
    </row>
    <row r="3164" spans="1:3" ht="24">
      <c r="A3164" s="13">
        <v>3162</v>
      </c>
      <c r="B3164" s="10" t="s">
        <v>1681</v>
      </c>
      <c r="C3164" s="12" t="s">
        <v>1535</v>
      </c>
    </row>
    <row r="3165" spans="1:3" ht="24">
      <c r="A3165" s="10">
        <v>3163</v>
      </c>
      <c r="B3165" s="10" t="s">
        <v>1682</v>
      </c>
      <c r="C3165" s="12" t="s">
        <v>1535</v>
      </c>
    </row>
    <row r="3166" spans="1:3" ht="24">
      <c r="A3166" s="13">
        <v>3164</v>
      </c>
      <c r="B3166" s="10" t="s">
        <v>1682</v>
      </c>
      <c r="C3166" s="12" t="s">
        <v>1535</v>
      </c>
    </row>
    <row r="3167" spans="1:3" ht="24">
      <c r="A3167" s="13">
        <v>3165</v>
      </c>
      <c r="B3167" s="10" t="s">
        <v>1682</v>
      </c>
      <c r="C3167" s="12" t="s">
        <v>1535</v>
      </c>
    </row>
    <row r="3168" spans="1:3" ht="24">
      <c r="A3168" s="13">
        <v>3166</v>
      </c>
      <c r="B3168" s="10" t="s">
        <v>1683</v>
      </c>
      <c r="C3168" s="12" t="s">
        <v>1535</v>
      </c>
    </row>
    <row r="3169" spans="1:3" ht="24">
      <c r="A3169" s="10">
        <v>3167</v>
      </c>
      <c r="B3169" s="10" t="s">
        <v>1081</v>
      </c>
      <c r="C3169" s="12" t="s">
        <v>1535</v>
      </c>
    </row>
    <row r="3170" spans="1:3" ht="24">
      <c r="A3170" s="13">
        <v>3168</v>
      </c>
      <c r="B3170" s="10" t="s">
        <v>1684</v>
      </c>
      <c r="C3170" s="12" t="s">
        <v>1535</v>
      </c>
    </row>
    <row r="3171" spans="1:3" ht="24">
      <c r="A3171" s="13">
        <v>3169</v>
      </c>
      <c r="B3171" s="10" t="s">
        <v>1685</v>
      </c>
      <c r="C3171" s="12" t="s">
        <v>1535</v>
      </c>
    </row>
    <row r="3172" spans="1:3" ht="24">
      <c r="A3172" s="13">
        <v>3170</v>
      </c>
      <c r="B3172" s="10" t="s">
        <v>1686</v>
      </c>
      <c r="C3172" s="12" t="s">
        <v>1535</v>
      </c>
    </row>
    <row r="3173" spans="1:3" ht="24">
      <c r="A3173" s="10">
        <v>3171</v>
      </c>
      <c r="B3173" s="10" t="s">
        <v>1687</v>
      </c>
      <c r="C3173" s="12" t="s">
        <v>1535</v>
      </c>
    </row>
    <row r="3174" spans="1:3" ht="24">
      <c r="A3174" s="13">
        <v>3172</v>
      </c>
      <c r="B3174" s="10" t="s">
        <v>1687</v>
      </c>
      <c r="C3174" s="12" t="s">
        <v>1535</v>
      </c>
    </row>
    <row r="3175" spans="1:3" ht="24">
      <c r="A3175" s="13">
        <v>3173</v>
      </c>
      <c r="B3175" s="10" t="s">
        <v>1688</v>
      </c>
      <c r="C3175" s="12" t="s">
        <v>1535</v>
      </c>
    </row>
    <row r="3176" spans="1:3" ht="24">
      <c r="A3176" s="13">
        <v>3174</v>
      </c>
      <c r="B3176" s="10" t="s">
        <v>1688</v>
      </c>
      <c r="C3176" s="12" t="s">
        <v>1535</v>
      </c>
    </row>
    <row r="3177" spans="1:3" ht="24">
      <c r="A3177" s="10">
        <v>3175</v>
      </c>
      <c r="B3177" s="10" t="s">
        <v>1688</v>
      </c>
      <c r="C3177" s="12" t="s">
        <v>1535</v>
      </c>
    </row>
    <row r="3178" spans="1:3" ht="24">
      <c r="A3178" s="13">
        <v>3176</v>
      </c>
      <c r="B3178" s="10" t="s">
        <v>1688</v>
      </c>
      <c r="C3178" s="12" t="s">
        <v>1535</v>
      </c>
    </row>
    <row r="3179" spans="1:3" ht="24">
      <c r="A3179" s="13">
        <v>3177</v>
      </c>
      <c r="B3179" s="10" t="s">
        <v>1688</v>
      </c>
      <c r="C3179" s="12" t="s">
        <v>1535</v>
      </c>
    </row>
    <row r="3180" spans="1:3" ht="31.5">
      <c r="A3180" s="13">
        <v>3178</v>
      </c>
      <c r="B3180" s="10" t="s">
        <v>1689</v>
      </c>
      <c r="C3180" s="12" t="s">
        <v>1535</v>
      </c>
    </row>
    <row r="3181" spans="1:3" ht="31.5">
      <c r="A3181" s="10">
        <v>3179</v>
      </c>
      <c r="B3181" s="10" t="s">
        <v>1689</v>
      </c>
      <c r="C3181" s="12" t="s">
        <v>1535</v>
      </c>
    </row>
    <row r="3182" spans="1:3" ht="31.5">
      <c r="A3182" s="13">
        <v>3180</v>
      </c>
      <c r="B3182" s="10" t="s">
        <v>1690</v>
      </c>
      <c r="C3182" s="12" t="s">
        <v>1535</v>
      </c>
    </row>
    <row r="3183" spans="1:3" ht="24">
      <c r="A3183" s="13">
        <v>3181</v>
      </c>
      <c r="B3183" s="10" t="s">
        <v>1691</v>
      </c>
      <c r="C3183" s="12" t="s">
        <v>1535</v>
      </c>
    </row>
    <row r="3184" spans="1:3" ht="24">
      <c r="A3184" s="13">
        <v>3182</v>
      </c>
      <c r="B3184" s="10" t="s">
        <v>1691</v>
      </c>
      <c r="C3184" s="12" t="s">
        <v>1535</v>
      </c>
    </row>
    <row r="3185" spans="1:3" ht="24">
      <c r="A3185" s="10">
        <v>3183</v>
      </c>
      <c r="B3185" s="10" t="s">
        <v>1692</v>
      </c>
      <c r="C3185" s="12" t="s">
        <v>1535</v>
      </c>
    </row>
    <row r="3186" spans="1:3" ht="24">
      <c r="A3186" s="13">
        <v>3184</v>
      </c>
      <c r="B3186" s="10" t="s">
        <v>1693</v>
      </c>
      <c r="C3186" s="12" t="s">
        <v>1535</v>
      </c>
    </row>
    <row r="3187" spans="1:3" ht="24">
      <c r="A3187" s="13">
        <v>3185</v>
      </c>
      <c r="B3187" s="10" t="s">
        <v>1694</v>
      </c>
      <c r="C3187" s="12" t="s">
        <v>1535</v>
      </c>
    </row>
    <row r="3188" spans="1:3" ht="24">
      <c r="A3188" s="13">
        <v>3186</v>
      </c>
      <c r="B3188" s="10" t="s">
        <v>1695</v>
      </c>
      <c r="C3188" s="12" t="s">
        <v>1535</v>
      </c>
    </row>
    <row r="3189" spans="1:3" ht="24">
      <c r="A3189" s="10">
        <v>3187</v>
      </c>
      <c r="B3189" s="10" t="s">
        <v>1696</v>
      </c>
      <c r="C3189" s="12" t="s">
        <v>1535</v>
      </c>
    </row>
    <row r="3190" spans="1:3" ht="24">
      <c r="A3190" s="13">
        <v>3188</v>
      </c>
      <c r="B3190" s="10" t="s">
        <v>1695</v>
      </c>
      <c r="C3190" s="12" t="s">
        <v>1535</v>
      </c>
    </row>
    <row r="3191" spans="1:3" ht="24">
      <c r="A3191" s="13">
        <v>3189</v>
      </c>
      <c r="B3191" s="10" t="s">
        <v>1697</v>
      </c>
      <c r="C3191" s="12" t="s">
        <v>1535</v>
      </c>
    </row>
    <row r="3192" spans="1:3" ht="24">
      <c r="A3192" s="13">
        <v>3190</v>
      </c>
      <c r="B3192" s="10" t="s">
        <v>1698</v>
      </c>
      <c r="C3192" s="12" t="s">
        <v>1535</v>
      </c>
    </row>
    <row r="3193" spans="1:3" ht="24">
      <c r="A3193" s="10">
        <v>3191</v>
      </c>
      <c r="B3193" s="10" t="s">
        <v>1699</v>
      </c>
      <c r="C3193" s="12" t="s">
        <v>1535</v>
      </c>
    </row>
    <row r="3194" spans="1:3" ht="24">
      <c r="A3194" s="13">
        <v>3192</v>
      </c>
      <c r="B3194" s="10" t="s">
        <v>1700</v>
      </c>
      <c r="C3194" s="12" t="s">
        <v>1535</v>
      </c>
    </row>
    <row r="3195" spans="1:3" ht="24">
      <c r="A3195" s="13">
        <v>3193</v>
      </c>
      <c r="B3195" s="10" t="s">
        <v>1700</v>
      </c>
      <c r="C3195" s="12" t="s">
        <v>1535</v>
      </c>
    </row>
    <row r="3196" spans="1:3" ht="24">
      <c r="A3196" s="13">
        <v>3194</v>
      </c>
      <c r="B3196" s="10" t="s">
        <v>1451</v>
      </c>
      <c r="C3196" s="12" t="s">
        <v>1535</v>
      </c>
    </row>
    <row r="3197" spans="1:3" ht="24">
      <c r="A3197" s="10">
        <v>3195</v>
      </c>
      <c r="B3197" s="10" t="s">
        <v>468</v>
      </c>
      <c r="C3197" s="12" t="s">
        <v>1535</v>
      </c>
    </row>
    <row r="3198" spans="1:3" ht="24">
      <c r="A3198" s="13">
        <v>3196</v>
      </c>
      <c r="B3198" s="10" t="s">
        <v>468</v>
      </c>
      <c r="C3198" s="12" t="s">
        <v>1535</v>
      </c>
    </row>
    <row r="3199" spans="1:3" ht="24">
      <c r="A3199" s="13">
        <v>3197</v>
      </c>
      <c r="B3199" s="10" t="s">
        <v>1701</v>
      </c>
      <c r="C3199" s="12" t="s">
        <v>1535</v>
      </c>
    </row>
    <row r="3200" spans="1:3" ht="24">
      <c r="A3200" s="13">
        <v>3198</v>
      </c>
      <c r="B3200" s="10" t="s">
        <v>1702</v>
      </c>
      <c r="C3200" s="12" t="s">
        <v>1535</v>
      </c>
    </row>
    <row r="3201" spans="1:3" ht="24">
      <c r="A3201" s="10">
        <v>3199</v>
      </c>
      <c r="B3201" s="10" t="s">
        <v>1703</v>
      </c>
      <c r="C3201" s="12" t="s">
        <v>1535</v>
      </c>
    </row>
    <row r="3202" spans="1:3" ht="24">
      <c r="A3202" s="13">
        <v>3200</v>
      </c>
      <c r="B3202" s="10" t="s">
        <v>1704</v>
      </c>
      <c r="C3202" s="12" t="s">
        <v>1535</v>
      </c>
    </row>
    <row r="3203" spans="1:3" ht="24">
      <c r="A3203" s="13">
        <v>3201</v>
      </c>
      <c r="B3203" s="10" t="s">
        <v>1083</v>
      </c>
      <c r="C3203" s="12" t="s">
        <v>1535</v>
      </c>
    </row>
    <row r="3204" spans="1:3" ht="24">
      <c r="A3204" s="13">
        <v>3202</v>
      </c>
      <c r="B3204" s="10" t="s">
        <v>1705</v>
      </c>
      <c r="C3204" s="12" t="s">
        <v>1535</v>
      </c>
    </row>
    <row r="3205" spans="1:3" ht="24">
      <c r="A3205" s="10">
        <v>3203</v>
      </c>
      <c r="B3205" s="10" t="s">
        <v>1705</v>
      </c>
      <c r="C3205" s="12" t="s">
        <v>1535</v>
      </c>
    </row>
    <row r="3206" spans="1:3" ht="24">
      <c r="A3206" s="13">
        <v>3204</v>
      </c>
      <c r="B3206" s="10" t="s">
        <v>1705</v>
      </c>
      <c r="C3206" s="12" t="s">
        <v>1535</v>
      </c>
    </row>
    <row r="3207" spans="1:3" ht="24">
      <c r="A3207" s="13">
        <v>3205</v>
      </c>
      <c r="B3207" s="10" t="s">
        <v>1706</v>
      </c>
      <c r="C3207" s="12" t="s">
        <v>1535</v>
      </c>
    </row>
    <row r="3208" spans="1:3" ht="24">
      <c r="A3208" s="13">
        <v>3206</v>
      </c>
      <c r="B3208" s="10" t="s">
        <v>1706</v>
      </c>
      <c r="C3208" s="12" t="s">
        <v>1535</v>
      </c>
    </row>
    <row r="3209" spans="1:3" ht="24">
      <c r="A3209" s="10">
        <v>3207</v>
      </c>
      <c r="B3209" s="10" t="s">
        <v>1706</v>
      </c>
      <c r="C3209" s="12" t="s">
        <v>1535</v>
      </c>
    </row>
    <row r="3210" spans="1:3" ht="24">
      <c r="A3210" s="13">
        <v>3208</v>
      </c>
      <c r="B3210" s="10" t="s">
        <v>1706</v>
      </c>
      <c r="C3210" s="12" t="s">
        <v>1535</v>
      </c>
    </row>
    <row r="3211" spans="1:3" ht="24">
      <c r="A3211" s="13">
        <v>3209</v>
      </c>
      <c r="B3211" s="10" t="s">
        <v>1706</v>
      </c>
      <c r="C3211" s="12" t="s">
        <v>1535</v>
      </c>
    </row>
    <row r="3212" spans="1:3" ht="24">
      <c r="A3212" s="13">
        <v>3210</v>
      </c>
      <c r="B3212" s="10" t="s">
        <v>1706</v>
      </c>
      <c r="C3212" s="12" t="s">
        <v>1535</v>
      </c>
    </row>
    <row r="3213" spans="1:3" ht="24">
      <c r="A3213" s="10">
        <v>3211</v>
      </c>
      <c r="B3213" s="10" t="s">
        <v>1706</v>
      </c>
      <c r="C3213" s="12" t="s">
        <v>1535</v>
      </c>
    </row>
    <row r="3214" spans="1:3" ht="24">
      <c r="A3214" s="13">
        <v>3212</v>
      </c>
      <c r="B3214" s="10" t="s">
        <v>1706</v>
      </c>
      <c r="C3214" s="12" t="s">
        <v>1535</v>
      </c>
    </row>
    <row r="3215" spans="1:3" ht="24">
      <c r="A3215" s="13">
        <v>3213</v>
      </c>
      <c r="B3215" s="10" t="s">
        <v>1706</v>
      </c>
      <c r="C3215" s="12" t="s">
        <v>1535</v>
      </c>
    </row>
    <row r="3216" spans="1:3" ht="24">
      <c r="A3216" s="13">
        <v>3214</v>
      </c>
      <c r="B3216" s="10" t="s">
        <v>1706</v>
      </c>
      <c r="C3216" s="12" t="s">
        <v>1535</v>
      </c>
    </row>
    <row r="3217" spans="1:3" ht="24">
      <c r="A3217" s="10">
        <v>3215</v>
      </c>
      <c r="B3217" s="10" t="s">
        <v>1706</v>
      </c>
      <c r="C3217" s="12" t="s">
        <v>1535</v>
      </c>
    </row>
    <row r="3218" spans="1:3" ht="24">
      <c r="A3218" s="13">
        <v>3216</v>
      </c>
      <c r="B3218" s="10" t="s">
        <v>1706</v>
      </c>
      <c r="C3218" s="12" t="s">
        <v>1535</v>
      </c>
    </row>
    <row r="3219" spans="1:3" ht="24">
      <c r="A3219" s="13">
        <v>3217</v>
      </c>
      <c r="B3219" s="10" t="s">
        <v>1706</v>
      </c>
      <c r="C3219" s="12" t="s">
        <v>1535</v>
      </c>
    </row>
    <row r="3220" spans="1:3" ht="24">
      <c r="A3220" s="13">
        <v>3218</v>
      </c>
      <c r="B3220" s="10" t="s">
        <v>1706</v>
      </c>
      <c r="C3220" s="12" t="s">
        <v>1535</v>
      </c>
    </row>
    <row r="3221" spans="1:3" ht="24">
      <c r="A3221" s="10">
        <v>3219</v>
      </c>
      <c r="B3221" s="10" t="s">
        <v>1706</v>
      </c>
      <c r="C3221" s="12" t="s">
        <v>1535</v>
      </c>
    </row>
    <row r="3222" spans="1:3" ht="24">
      <c r="A3222" s="13">
        <v>3220</v>
      </c>
      <c r="B3222" s="10" t="s">
        <v>1706</v>
      </c>
      <c r="C3222" s="12" t="s">
        <v>1535</v>
      </c>
    </row>
    <row r="3223" spans="1:3" ht="24">
      <c r="A3223" s="13">
        <v>3221</v>
      </c>
      <c r="B3223" s="10" t="s">
        <v>1706</v>
      </c>
      <c r="C3223" s="12" t="s">
        <v>1535</v>
      </c>
    </row>
    <row r="3224" spans="1:3" ht="24">
      <c r="A3224" s="13">
        <v>3222</v>
      </c>
      <c r="B3224" s="10" t="s">
        <v>1706</v>
      </c>
      <c r="C3224" s="12" t="s">
        <v>1535</v>
      </c>
    </row>
    <row r="3225" spans="1:3" ht="24">
      <c r="A3225" s="10">
        <v>3223</v>
      </c>
      <c r="B3225" s="10" t="s">
        <v>1706</v>
      </c>
      <c r="C3225" s="12" t="s">
        <v>1535</v>
      </c>
    </row>
    <row r="3226" spans="1:3" ht="24">
      <c r="A3226" s="13">
        <v>3224</v>
      </c>
      <c r="B3226" s="10" t="s">
        <v>1706</v>
      </c>
      <c r="C3226" s="12" t="s">
        <v>1535</v>
      </c>
    </row>
    <row r="3227" spans="1:3" ht="24">
      <c r="A3227" s="13">
        <v>3225</v>
      </c>
      <c r="B3227" s="10" t="s">
        <v>1707</v>
      </c>
      <c r="C3227" s="12" t="s">
        <v>1535</v>
      </c>
    </row>
    <row r="3228" spans="1:3" ht="24">
      <c r="A3228" s="13">
        <v>3226</v>
      </c>
      <c r="B3228" s="10" t="s">
        <v>1708</v>
      </c>
      <c r="C3228" s="12" t="s">
        <v>1535</v>
      </c>
    </row>
    <row r="3229" spans="1:3" ht="24">
      <c r="A3229" s="10">
        <v>3227</v>
      </c>
      <c r="B3229" s="10" t="s">
        <v>1708</v>
      </c>
      <c r="C3229" s="12" t="s">
        <v>1535</v>
      </c>
    </row>
    <row r="3230" spans="1:3" ht="24">
      <c r="A3230" s="13">
        <v>3228</v>
      </c>
      <c r="B3230" s="10" t="s">
        <v>1499</v>
      </c>
      <c r="C3230" s="12" t="s">
        <v>1535</v>
      </c>
    </row>
    <row r="3231" spans="1:3" ht="24">
      <c r="A3231" s="13">
        <v>3229</v>
      </c>
      <c r="B3231" s="10" t="s">
        <v>1499</v>
      </c>
      <c r="C3231" s="12" t="s">
        <v>1535</v>
      </c>
    </row>
    <row r="3232" spans="1:3" ht="24">
      <c r="A3232" s="13">
        <v>3230</v>
      </c>
      <c r="B3232" s="10" t="s">
        <v>1510</v>
      </c>
      <c r="C3232" s="12" t="s">
        <v>1535</v>
      </c>
    </row>
    <row r="3233" spans="1:3" ht="24">
      <c r="A3233" s="10">
        <v>3231</v>
      </c>
      <c r="B3233" s="10" t="s">
        <v>1510</v>
      </c>
      <c r="C3233" s="12" t="s">
        <v>1535</v>
      </c>
    </row>
    <row r="3234" spans="1:3" ht="24">
      <c r="A3234" s="13">
        <v>3232</v>
      </c>
      <c r="B3234" s="10" t="s">
        <v>1510</v>
      </c>
      <c r="C3234" s="12" t="s">
        <v>1535</v>
      </c>
    </row>
    <row r="3235" spans="1:3" ht="24">
      <c r="A3235" s="13">
        <v>3233</v>
      </c>
      <c r="B3235" s="10" t="s">
        <v>1709</v>
      </c>
      <c r="C3235" s="12" t="s">
        <v>1535</v>
      </c>
    </row>
    <row r="3236" spans="1:3" ht="24">
      <c r="A3236" s="13">
        <v>3234</v>
      </c>
      <c r="B3236" s="10" t="s">
        <v>1709</v>
      </c>
      <c r="C3236" s="12" t="s">
        <v>1535</v>
      </c>
    </row>
    <row r="3237" spans="1:3" ht="24">
      <c r="A3237" s="10">
        <v>3235</v>
      </c>
      <c r="B3237" s="10" t="s">
        <v>1710</v>
      </c>
      <c r="C3237" s="12" t="s">
        <v>1535</v>
      </c>
    </row>
    <row r="3238" spans="1:3" ht="24">
      <c r="A3238" s="13">
        <v>3236</v>
      </c>
      <c r="B3238" s="10" t="s">
        <v>1711</v>
      </c>
      <c r="C3238" s="12" t="s">
        <v>1535</v>
      </c>
    </row>
    <row r="3239" spans="1:3" ht="24">
      <c r="A3239" s="13">
        <v>3237</v>
      </c>
      <c r="B3239" s="10" t="s">
        <v>1711</v>
      </c>
      <c r="C3239" s="12" t="s">
        <v>1535</v>
      </c>
    </row>
    <row r="3240" spans="1:3" ht="24">
      <c r="A3240" s="13">
        <v>3238</v>
      </c>
      <c r="B3240" s="10" t="s">
        <v>1711</v>
      </c>
      <c r="C3240" s="12" t="s">
        <v>1535</v>
      </c>
    </row>
    <row r="3241" spans="1:3" ht="24">
      <c r="A3241" s="10">
        <v>3239</v>
      </c>
      <c r="B3241" s="10" t="s">
        <v>1711</v>
      </c>
      <c r="C3241" s="12" t="s">
        <v>1535</v>
      </c>
    </row>
    <row r="3242" spans="1:3" ht="24">
      <c r="A3242" s="13">
        <v>3240</v>
      </c>
      <c r="B3242" s="10" t="s">
        <v>1712</v>
      </c>
      <c r="C3242" s="12" t="s">
        <v>1535</v>
      </c>
    </row>
    <row r="3243" spans="1:3" ht="24">
      <c r="A3243" s="13">
        <v>3241</v>
      </c>
      <c r="B3243" s="10" t="s">
        <v>1497</v>
      </c>
      <c r="C3243" s="12" t="s">
        <v>1535</v>
      </c>
    </row>
    <row r="3244" spans="1:3" ht="24">
      <c r="A3244" s="13">
        <v>3242</v>
      </c>
      <c r="B3244" s="10" t="s">
        <v>1497</v>
      </c>
      <c r="C3244" s="12" t="s">
        <v>1535</v>
      </c>
    </row>
    <row r="3245" spans="1:3" ht="24">
      <c r="A3245" s="10">
        <v>3243</v>
      </c>
      <c r="B3245" s="10" t="s">
        <v>1713</v>
      </c>
      <c r="C3245" s="12" t="s">
        <v>1535</v>
      </c>
    </row>
    <row r="3246" spans="1:3" ht="24">
      <c r="A3246" s="13">
        <v>3244</v>
      </c>
      <c r="B3246" s="10" t="s">
        <v>1714</v>
      </c>
      <c r="C3246" s="12" t="s">
        <v>1535</v>
      </c>
    </row>
    <row r="3247" spans="1:3" ht="24">
      <c r="A3247" s="13">
        <v>3245</v>
      </c>
      <c r="B3247" s="10" t="s">
        <v>1714</v>
      </c>
      <c r="C3247" s="12" t="s">
        <v>1535</v>
      </c>
    </row>
    <row r="3248" spans="1:3" ht="24">
      <c r="A3248" s="13">
        <v>3246</v>
      </c>
      <c r="B3248" s="10" t="s">
        <v>1714</v>
      </c>
      <c r="C3248" s="12" t="s">
        <v>1535</v>
      </c>
    </row>
    <row r="3249" spans="1:3" ht="24">
      <c r="A3249" s="10">
        <v>3247</v>
      </c>
      <c r="B3249" s="10" t="s">
        <v>1714</v>
      </c>
      <c r="C3249" s="12" t="s">
        <v>1535</v>
      </c>
    </row>
    <row r="3250" spans="1:3" ht="24">
      <c r="A3250" s="13">
        <v>3248</v>
      </c>
      <c r="B3250" s="10" t="s">
        <v>1714</v>
      </c>
      <c r="C3250" s="12" t="s">
        <v>1535</v>
      </c>
    </row>
    <row r="3251" spans="1:3" ht="24">
      <c r="A3251" s="13">
        <v>3249</v>
      </c>
      <c r="B3251" s="10" t="s">
        <v>1714</v>
      </c>
      <c r="C3251" s="12" t="s">
        <v>1535</v>
      </c>
    </row>
    <row r="3252" spans="1:3" ht="24">
      <c r="A3252" s="13">
        <v>3250</v>
      </c>
      <c r="B3252" s="10" t="s">
        <v>1715</v>
      </c>
      <c r="C3252" s="12" t="s">
        <v>1535</v>
      </c>
    </row>
    <row r="3253" spans="1:3" ht="24">
      <c r="A3253" s="10">
        <v>3251</v>
      </c>
      <c r="B3253" s="10" t="s">
        <v>1716</v>
      </c>
      <c r="C3253" s="12" t="s">
        <v>1535</v>
      </c>
    </row>
    <row r="3254" spans="1:3" ht="24">
      <c r="A3254" s="13">
        <v>3252</v>
      </c>
      <c r="B3254" s="10" t="s">
        <v>1717</v>
      </c>
      <c r="C3254" s="12" t="s">
        <v>1535</v>
      </c>
    </row>
    <row r="3255" spans="1:3" ht="31.5">
      <c r="A3255" s="13">
        <v>3253</v>
      </c>
      <c r="B3255" s="10" t="s">
        <v>1718</v>
      </c>
      <c r="C3255" s="12" t="s">
        <v>1535</v>
      </c>
    </row>
    <row r="3256" spans="1:3" ht="31.5">
      <c r="A3256" s="13">
        <v>3254</v>
      </c>
      <c r="B3256" s="10" t="s">
        <v>1718</v>
      </c>
      <c r="C3256" s="12" t="s">
        <v>1535</v>
      </c>
    </row>
    <row r="3257" spans="1:3" ht="31.5">
      <c r="A3257" s="10">
        <v>3255</v>
      </c>
      <c r="B3257" s="10" t="s">
        <v>1718</v>
      </c>
      <c r="C3257" s="12" t="s">
        <v>1535</v>
      </c>
    </row>
    <row r="3258" spans="1:3" ht="24">
      <c r="A3258" s="13">
        <v>3256</v>
      </c>
      <c r="B3258" s="10" t="s">
        <v>1719</v>
      </c>
      <c r="C3258" s="12" t="s">
        <v>1535</v>
      </c>
    </row>
    <row r="3259" spans="1:3" ht="24">
      <c r="A3259" s="13">
        <v>3257</v>
      </c>
      <c r="B3259" s="10" t="s">
        <v>331</v>
      </c>
      <c r="C3259" s="12" t="s">
        <v>1535</v>
      </c>
    </row>
    <row r="3260" spans="1:3" ht="24">
      <c r="A3260" s="13">
        <v>3258</v>
      </c>
      <c r="B3260" s="10" t="s">
        <v>331</v>
      </c>
      <c r="C3260" s="12" t="s">
        <v>1535</v>
      </c>
    </row>
    <row r="3261" spans="1:3" ht="24">
      <c r="A3261" s="10">
        <v>3259</v>
      </c>
      <c r="B3261" s="10" t="s">
        <v>331</v>
      </c>
      <c r="C3261" s="12" t="s">
        <v>1535</v>
      </c>
    </row>
    <row r="3262" spans="1:3" ht="24">
      <c r="A3262" s="13">
        <v>3260</v>
      </c>
      <c r="B3262" s="10" t="s">
        <v>331</v>
      </c>
      <c r="C3262" s="12" t="s">
        <v>1535</v>
      </c>
    </row>
    <row r="3263" spans="1:3" ht="24">
      <c r="A3263" s="13">
        <v>3261</v>
      </c>
      <c r="B3263" s="10" t="s">
        <v>331</v>
      </c>
      <c r="C3263" s="12" t="s">
        <v>1535</v>
      </c>
    </row>
    <row r="3264" spans="1:3" ht="24">
      <c r="A3264" s="13">
        <v>3262</v>
      </c>
      <c r="B3264" s="10" t="s">
        <v>331</v>
      </c>
      <c r="C3264" s="12" t="s">
        <v>1535</v>
      </c>
    </row>
    <row r="3265" spans="1:3" ht="24">
      <c r="A3265" s="10">
        <v>3263</v>
      </c>
      <c r="B3265" s="10" t="s">
        <v>331</v>
      </c>
      <c r="C3265" s="12" t="s">
        <v>1535</v>
      </c>
    </row>
    <row r="3266" spans="1:3" ht="24">
      <c r="A3266" s="13">
        <v>3264</v>
      </c>
      <c r="B3266" s="10" t="s">
        <v>331</v>
      </c>
      <c r="C3266" s="12" t="s">
        <v>1535</v>
      </c>
    </row>
    <row r="3267" spans="1:3" ht="24">
      <c r="A3267" s="13">
        <v>3265</v>
      </c>
      <c r="B3267" s="10" t="s">
        <v>1720</v>
      </c>
      <c r="C3267" s="12" t="s">
        <v>1535</v>
      </c>
    </row>
    <row r="3268" spans="1:3" ht="24">
      <c r="A3268" s="13">
        <v>3266</v>
      </c>
      <c r="B3268" s="10" t="s">
        <v>1720</v>
      </c>
      <c r="C3268" s="12" t="s">
        <v>1535</v>
      </c>
    </row>
    <row r="3269" spans="1:3" ht="24">
      <c r="A3269" s="10">
        <v>3267</v>
      </c>
      <c r="B3269" s="10" t="s">
        <v>1721</v>
      </c>
      <c r="C3269" s="12" t="s">
        <v>1535</v>
      </c>
    </row>
    <row r="3270" spans="1:3" ht="24">
      <c r="A3270" s="13">
        <v>3268</v>
      </c>
      <c r="B3270" s="10" t="s">
        <v>1721</v>
      </c>
      <c r="C3270" s="12" t="s">
        <v>1535</v>
      </c>
    </row>
    <row r="3271" spans="1:3" ht="24">
      <c r="A3271" s="13">
        <v>3269</v>
      </c>
      <c r="B3271" s="10" t="s">
        <v>1722</v>
      </c>
      <c r="C3271" s="12" t="s">
        <v>1535</v>
      </c>
    </row>
    <row r="3272" spans="1:3" ht="24">
      <c r="A3272" s="13">
        <v>3270</v>
      </c>
      <c r="B3272" s="10" t="s">
        <v>1722</v>
      </c>
      <c r="C3272" s="12" t="s">
        <v>1535</v>
      </c>
    </row>
    <row r="3273" spans="1:3" ht="24">
      <c r="A3273" s="10">
        <v>3271</v>
      </c>
      <c r="B3273" s="10" t="s">
        <v>1722</v>
      </c>
      <c r="C3273" s="12" t="s">
        <v>1535</v>
      </c>
    </row>
    <row r="3274" spans="1:3" ht="24">
      <c r="A3274" s="13">
        <v>3272</v>
      </c>
      <c r="B3274" s="10" t="s">
        <v>1722</v>
      </c>
      <c r="C3274" s="12" t="s">
        <v>1535</v>
      </c>
    </row>
    <row r="3275" spans="1:3" ht="24">
      <c r="A3275" s="13">
        <v>3273</v>
      </c>
      <c r="B3275" s="10" t="s">
        <v>1722</v>
      </c>
      <c r="C3275" s="12" t="s">
        <v>1535</v>
      </c>
    </row>
    <row r="3276" spans="1:3" ht="24">
      <c r="A3276" s="13">
        <v>3274</v>
      </c>
      <c r="B3276" s="10" t="s">
        <v>1723</v>
      </c>
      <c r="C3276" s="12" t="s">
        <v>1535</v>
      </c>
    </row>
    <row r="3277" spans="1:3" ht="24">
      <c r="A3277" s="10">
        <v>3275</v>
      </c>
      <c r="B3277" s="10" t="s">
        <v>1723</v>
      </c>
      <c r="C3277" s="12" t="s">
        <v>1535</v>
      </c>
    </row>
    <row r="3278" spans="1:3" ht="24">
      <c r="A3278" s="13">
        <v>3276</v>
      </c>
      <c r="B3278" s="10" t="s">
        <v>1724</v>
      </c>
      <c r="C3278" s="12" t="s">
        <v>1535</v>
      </c>
    </row>
    <row r="3279" spans="1:3" ht="24">
      <c r="A3279" s="13">
        <v>3277</v>
      </c>
      <c r="B3279" s="10" t="s">
        <v>1725</v>
      </c>
      <c r="C3279" s="12" t="s">
        <v>1535</v>
      </c>
    </row>
    <row r="3280" spans="1:3" ht="24">
      <c r="A3280" s="13">
        <v>3278</v>
      </c>
      <c r="B3280" s="10" t="s">
        <v>1725</v>
      </c>
      <c r="C3280" s="12" t="s">
        <v>1535</v>
      </c>
    </row>
    <row r="3281" spans="1:3" ht="24">
      <c r="A3281" s="10">
        <v>3279</v>
      </c>
      <c r="B3281" s="10" t="s">
        <v>1725</v>
      </c>
      <c r="C3281" s="12" t="s">
        <v>1535</v>
      </c>
    </row>
    <row r="3282" spans="1:3" ht="24">
      <c r="A3282" s="13">
        <v>3280</v>
      </c>
      <c r="B3282" s="10" t="s">
        <v>1725</v>
      </c>
      <c r="C3282" s="12" t="s">
        <v>1535</v>
      </c>
    </row>
    <row r="3283" spans="1:3" ht="24">
      <c r="A3283" s="13">
        <v>3281</v>
      </c>
      <c r="B3283" s="10" t="s">
        <v>1726</v>
      </c>
      <c r="C3283" s="12" t="s">
        <v>1535</v>
      </c>
    </row>
    <row r="3284" spans="1:3" ht="24">
      <c r="A3284" s="13">
        <v>3282</v>
      </c>
      <c r="B3284" s="10" t="s">
        <v>1726</v>
      </c>
      <c r="C3284" s="12" t="s">
        <v>1535</v>
      </c>
    </row>
    <row r="3285" spans="1:3" ht="24">
      <c r="A3285" s="10">
        <v>3283</v>
      </c>
      <c r="B3285" s="10" t="s">
        <v>1727</v>
      </c>
      <c r="C3285" s="12" t="s">
        <v>1535</v>
      </c>
    </row>
    <row r="3286" spans="1:3" ht="24">
      <c r="A3286" s="13">
        <v>3284</v>
      </c>
      <c r="B3286" s="10" t="s">
        <v>1728</v>
      </c>
      <c r="C3286" s="12" t="s">
        <v>1535</v>
      </c>
    </row>
    <row r="3287" spans="1:3" ht="24">
      <c r="A3287" s="13">
        <v>3285</v>
      </c>
      <c r="B3287" s="10" t="s">
        <v>1729</v>
      </c>
      <c r="C3287" s="12" t="s">
        <v>1535</v>
      </c>
    </row>
    <row r="3288" spans="1:3" ht="24">
      <c r="A3288" s="13">
        <v>3286</v>
      </c>
      <c r="B3288" s="10" t="s">
        <v>1729</v>
      </c>
      <c r="C3288" s="12" t="s">
        <v>1535</v>
      </c>
    </row>
    <row r="3289" spans="1:3" ht="24">
      <c r="A3289" s="10">
        <v>3287</v>
      </c>
      <c r="B3289" s="10" t="s">
        <v>1729</v>
      </c>
      <c r="C3289" s="12" t="s">
        <v>1535</v>
      </c>
    </row>
    <row r="3290" spans="1:3" ht="24">
      <c r="A3290" s="13">
        <v>3288</v>
      </c>
      <c r="B3290" s="10" t="s">
        <v>1729</v>
      </c>
      <c r="C3290" s="12" t="s">
        <v>1535</v>
      </c>
    </row>
    <row r="3291" spans="1:3" ht="24">
      <c r="A3291" s="13">
        <v>3289</v>
      </c>
      <c r="B3291" s="10" t="s">
        <v>1730</v>
      </c>
      <c r="C3291" s="12" t="s">
        <v>1535</v>
      </c>
    </row>
    <row r="3292" spans="1:3" ht="24">
      <c r="A3292" s="13">
        <v>3290</v>
      </c>
      <c r="B3292" s="10" t="s">
        <v>1730</v>
      </c>
      <c r="C3292" s="12" t="s">
        <v>1535</v>
      </c>
    </row>
    <row r="3293" spans="1:3" ht="24">
      <c r="A3293" s="10">
        <v>3291</v>
      </c>
      <c r="B3293" s="10" t="s">
        <v>1731</v>
      </c>
      <c r="C3293" s="12" t="s">
        <v>1535</v>
      </c>
    </row>
    <row r="3294" spans="1:3" ht="24">
      <c r="A3294" s="13">
        <v>3292</v>
      </c>
      <c r="B3294" s="10" t="s">
        <v>1732</v>
      </c>
      <c r="C3294" s="12" t="s">
        <v>1535</v>
      </c>
    </row>
    <row r="3295" spans="1:3" ht="24">
      <c r="A3295" s="13">
        <v>3293</v>
      </c>
      <c r="B3295" s="10" t="s">
        <v>1733</v>
      </c>
      <c r="C3295" s="12" t="s">
        <v>1535</v>
      </c>
    </row>
    <row r="3296" spans="1:3" ht="24">
      <c r="A3296" s="13">
        <v>3294</v>
      </c>
      <c r="B3296" s="10" t="s">
        <v>1733</v>
      </c>
      <c r="C3296" s="12" t="s">
        <v>1535</v>
      </c>
    </row>
    <row r="3297" spans="1:3" ht="24">
      <c r="A3297" s="10">
        <v>3295</v>
      </c>
      <c r="B3297" s="10" t="s">
        <v>1733</v>
      </c>
      <c r="C3297" s="12" t="s">
        <v>1535</v>
      </c>
    </row>
    <row r="3298" spans="1:3" ht="24">
      <c r="A3298" s="13">
        <v>3296</v>
      </c>
      <c r="B3298" s="10" t="s">
        <v>1734</v>
      </c>
      <c r="C3298" s="12" t="s">
        <v>1535</v>
      </c>
    </row>
    <row r="3299" spans="1:3" ht="24">
      <c r="A3299" s="13">
        <v>3297</v>
      </c>
      <c r="B3299" s="10" t="s">
        <v>1735</v>
      </c>
      <c r="C3299" s="12" t="s">
        <v>1535</v>
      </c>
    </row>
    <row r="3300" spans="1:3" ht="24">
      <c r="A3300" s="13">
        <v>3298</v>
      </c>
      <c r="B3300" s="10" t="s">
        <v>1736</v>
      </c>
      <c r="C3300" s="12" t="s">
        <v>1535</v>
      </c>
    </row>
    <row r="3301" spans="1:3" ht="24">
      <c r="A3301" s="10">
        <v>3299</v>
      </c>
      <c r="B3301" s="10" t="s">
        <v>1737</v>
      </c>
      <c r="C3301" s="12" t="s">
        <v>1535</v>
      </c>
    </row>
    <row r="3302" spans="1:3" ht="24">
      <c r="A3302" s="13">
        <v>3300</v>
      </c>
      <c r="B3302" s="11" t="s">
        <v>1738</v>
      </c>
      <c r="C3302" s="12" t="s">
        <v>1535</v>
      </c>
    </row>
    <row r="3303" spans="1:3" ht="24">
      <c r="A3303" s="13">
        <v>3301</v>
      </c>
      <c r="B3303" s="11" t="s">
        <v>1190</v>
      </c>
      <c r="C3303" s="12" t="s">
        <v>1535</v>
      </c>
    </row>
    <row r="3304" spans="1:3" ht="24">
      <c r="A3304" s="13">
        <v>3302</v>
      </c>
      <c r="B3304" s="40" t="s">
        <v>1739</v>
      </c>
      <c r="C3304" s="12" t="s">
        <v>1535</v>
      </c>
    </row>
    <row r="3305" spans="1:3" ht="24">
      <c r="A3305" s="10">
        <v>3303</v>
      </c>
      <c r="B3305" s="40" t="s">
        <v>1740</v>
      </c>
      <c r="C3305" s="12" t="s">
        <v>1535</v>
      </c>
    </row>
    <row r="3306" spans="1:3" ht="24">
      <c r="A3306" s="13">
        <v>3304</v>
      </c>
      <c r="B3306" s="40" t="s">
        <v>1741</v>
      </c>
      <c r="C3306" s="12" t="s">
        <v>1535</v>
      </c>
    </row>
    <row r="3307" spans="1:3" ht="24">
      <c r="A3307" s="13">
        <v>3305</v>
      </c>
      <c r="B3307" s="40" t="s">
        <v>1742</v>
      </c>
      <c r="C3307" s="12" t="s">
        <v>1535</v>
      </c>
    </row>
    <row r="3308" spans="1:3" ht="24">
      <c r="A3308" s="13">
        <v>3306</v>
      </c>
      <c r="B3308" s="40" t="s">
        <v>1743</v>
      </c>
      <c r="C3308" s="12" t="s">
        <v>1535</v>
      </c>
    </row>
    <row r="3309" spans="1:3" ht="24">
      <c r="A3309" s="10">
        <v>3307</v>
      </c>
      <c r="B3309" s="40" t="s">
        <v>1744</v>
      </c>
      <c r="C3309" s="12" t="s">
        <v>1535</v>
      </c>
    </row>
    <row r="3310" spans="1:3" ht="24">
      <c r="A3310" s="13">
        <v>3308</v>
      </c>
      <c r="B3310" s="40" t="s">
        <v>1745</v>
      </c>
      <c r="C3310" s="12" t="s">
        <v>1535</v>
      </c>
    </row>
    <row r="3311" spans="1:3" ht="24">
      <c r="A3311" s="13">
        <v>3309</v>
      </c>
      <c r="B3311" s="20" t="s">
        <v>1746</v>
      </c>
      <c r="C3311" s="12" t="s">
        <v>1535</v>
      </c>
    </row>
    <row r="3312" spans="1:3" ht="24">
      <c r="A3312" s="13">
        <v>3310</v>
      </c>
      <c r="B3312" s="10" t="s">
        <v>1747</v>
      </c>
      <c r="C3312" s="12" t="s">
        <v>1535</v>
      </c>
    </row>
    <row r="3313" spans="1:3" ht="24">
      <c r="A3313" s="10">
        <v>3311</v>
      </c>
      <c r="B3313" s="10" t="s">
        <v>1748</v>
      </c>
      <c r="C3313" s="12" t="s">
        <v>1535</v>
      </c>
    </row>
    <row r="3314" spans="1:3" ht="24">
      <c r="A3314" s="13">
        <v>3312</v>
      </c>
      <c r="B3314" s="10" t="s">
        <v>1749</v>
      </c>
      <c r="C3314" s="12" t="s">
        <v>1535</v>
      </c>
    </row>
    <row r="3315" spans="1:3" ht="24">
      <c r="A3315" s="13">
        <v>3313</v>
      </c>
      <c r="B3315" s="10" t="s">
        <v>1750</v>
      </c>
      <c r="C3315" s="12" t="s">
        <v>1535</v>
      </c>
    </row>
    <row r="3316" spans="1:3" ht="31.5">
      <c r="A3316" s="13">
        <v>3314</v>
      </c>
      <c r="B3316" s="15" t="s">
        <v>1751</v>
      </c>
      <c r="C3316" s="12" t="s">
        <v>1535</v>
      </c>
    </row>
    <row r="3317" spans="1:3" ht="24">
      <c r="A3317" s="10">
        <v>3315</v>
      </c>
      <c r="B3317" s="26" t="s">
        <v>1752</v>
      </c>
      <c r="C3317" s="12" t="s">
        <v>1535</v>
      </c>
    </row>
    <row r="3318" spans="1:3" ht="24">
      <c r="A3318" s="13">
        <v>3316</v>
      </c>
      <c r="B3318" s="26" t="s">
        <v>1753</v>
      </c>
      <c r="C3318" s="12" t="s">
        <v>1535</v>
      </c>
    </row>
    <row r="3319" spans="1:3" ht="24">
      <c r="A3319" s="13">
        <v>3317</v>
      </c>
      <c r="B3319" s="30" t="s">
        <v>1754</v>
      </c>
      <c r="C3319" s="12" t="s">
        <v>1535</v>
      </c>
    </row>
    <row r="3320" spans="1:3" ht="24">
      <c r="A3320" s="13">
        <v>3318</v>
      </c>
      <c r="B3320" s="11" t="s">
        <v>1755</v>
      </c>
      <c r="C3320" s="12" t="s">
        <v>1535</v>
      </c>
    </row>
    <row r="3321" spans="1:3" ht="24">
      <c r="A3321" s="10">
        <v>3319</v>
      </c>
      <c r="B3321" s="11" t="s">
        <v>1756</v>
      </c>
      <c r="C3321" s="12" t="s">
        <v>1535</v>
      </c>
    </row>
    <row r="3322" spans="1:3" ht="24">
      <c r="A3322" s="13">
        <v>3320</v>
      </c>
      <c r="B3322" s="11" t="s">
        <v>1757</v>
      </c>
      <c r="C3322" s="12" t="s">
        <v>1535</v>
      </c>
    </row>
    <row r="3323" spans="1:3" ht="24">
      <c r="A3323" s="13">
        <v>3321</v>
      </c>
      <c r="B3323" s="11" t="s">
        <v>1758</v>
      </c>
      <c r="C3323" s="12" t="s">
        <v>1535</v>
      </c>
    </row>
    <row r="3324" spans="1:3" ht="24">
      <c r="A3324" s="13">
        <v>3322</v>
      </c>
      <c r="B3324" s="11" t="s">
        <v>1759</v>
      </c>
      <c r="C3324" s="12" t="s">
        <v>1535</v>
      </c>
    </row>
    <row r="3325" spans="1:3" ht="24">
      <c r="A3325" s="10">
        <v>3323</v>
      </c>
      <c r="B3325" s="11" t="s">
        <v>1760</v>
      </c>
      <c r="C3325" s="12" t="s">
        <v>1535</v>
      </c>
    </row>
    <row r="3326" spans="1:3" ht="24">
      <c r="A3326" s="13">
        <v>3324</v>
      </c>
      <c r="B3326" s="11" t="s">
        <v>1761</v>
      </c>
      <c r="C3326" s="12" t="s">
        <v>1535</v>
      </c>
    </row>
    <row r="3327" spans="1:3" ht="24">
      <c r="A3327" s="13">
        <v>3325</v>
      </c>
      <c r="B3327" s="11" t="s">
        <v>1762</v>
      </c>
      <c r="C3327" s="12" t="s">
        <v>1535</v>
      </c>
    </row>
    <row r="3328" spans="1:3" ht="24">
      <c r="A3328" s="13">
        <v>3326</v>
      </c>
      <c r="B3328" s="11" t="s">
        <v>1763</v>
      </c>
      <c r="C3328" s="12" t="s">
        <v>1535</v>
      </c>
    </row>
    <row r="3329" spans="1:3" ht="24">
      <c r="A3329" s="10">
        <v>3327</v>
      </c>
      <c r="B3329" s="24" t="s">
        <v>1764</v>
      </c>
      <c r="C3329" s="12" t="s">
        <v>1535</v>
      </c>
    </row>
    <row r="3330" spans="1:3" ht="24">
      <c r="A3330" s="13">
        <v>3328</v>
      </c>
      <c r="B3330" s="10" t="s">
        <v>1765</v>
      </c>
      <c r="C3330" s="12" t="s">
        <v>1535</v>
      </c>
    </row>
    <row r="3331" spans="1:3" ht="24">
      <c r="A3331" s="13">
        <v>3329</v>
      </c>
      <c r="B3331" s="10" t="s">
        <v>1766</v>
      </c>
      <c r="C3331" s="12" t="s">
        <v>1535</v>
      </c>
    </row>
    <row r="3332" spans="1:3" ht="24">
      <c r="A3332" s="13">
        <v>3330</v>
      </c>
      <c r="B3332" s="10" t="s">
        <v>1441</v>
      </c>
      <c r="C3332" s="12" t="s">
        <v>1535</v>
      </c>
    </row>
    <row r="3333" spans="1:3" ht="24">
      <c r="A3333" s="10">
        <v>3331</v>
      </c>
      <c r="B3333" s="10" t="s">
        <v>1767</v>
      </c>
      <c r="C3333" s="12" t="s">
        <v>1535</v>
      </c>
    </row>
    <row r="3334" spans="1:3" ht="24">
      <c r="A3334" s="13">
        <v>3332</v>
      </c>
      <c r="B3334" s="10" t="s">
        <v>1768</v>
      </c>
      <c r="C3334" s="12" t="s">
        <v>1535</v>
      </c>
    </row>
    <row r="3335" spans="1:3" ht="24">
      <c r="A3335" s="13">
        <v>3333</v>
      </c>
      <c r="B3335" s="10" t="s">
        <v>1769</v>
      </c>
      <c r="C3335" s="12" t="s">
        <v>1535</v>
      </c>
    </row>
    <row r="3336" spans="1:3" ht="24">
      <c r="A3336" s="13">
        <v>3334</v>
      </c>
      <c r="B3336" s="10" t="s">
        <v>1770</v>
      </c>
      <c r="C3336" s="12" t="s">
        <v>1535</v>
      </c>
    </row>
    <row r="3337" spans="1:3" ht="24">
      <c r="A3337" s="10">
        <v>3335</v>
      </c>
      <c r="B3337" s="10" t="s">
        <v>1771</v>
      </c>
      <c r="C3337" s="12" t="s">
        <v>1535</v>
      </c>
    </row>
    <row r="3338" spans="1:3" ht="24">
      <c r="A3338" s="13">
        <v>3336</v>
      </c>
      <c r="B3338" s="10" t="s">
        <v>1772</v>
      </c>
      <c r="C3338" s="12" t="s">
        <v>1535</v>
      </c>
    </row>
    <row r="3339" spans="1:3" ht="24">
      <c r="A3339" s="13">
        <v>3337</v>
      </c>
      <c r="B3339" s="31" t="s">
        <v>1773</v>
      </c>
      <c r="C3339" s="12" t="s">
        <v>1535</v>
      </c>
    </row>
    <row r="3340" spans="1:3" ht="24">
      <c r="A3340" s="13">
        <v>3338</v>
      </c>
      <c r="B3340" s="10" t="s">
        <v>1774</v>
      </c>
      <c r="C3340" s="12" t="s">
        <v>1535</v>
      </c>
    </row>
    <row r="3341" spans="1:3" ht="24">
      <c r="A3341" s="10">
        <v>3339</v>
      </c>
      <c r="B3341" s="10" t="s">
        <v>1775</v>
      </c>
      <c r="C3341" s="12" t="s">
        <v>1535</v>
      </c>
    </row>
    <row r="3342" spans="1:3" ht="24">
      <c r="A3342" s="13">
        <v>3340</v>
      </c>
      <c r="B3342" s="15" t="s">
        <v>1776</v>
      </c>
      <c r="C3342" s="12" t="s">
        <v>1535</v>
      </c>
    </row>
    <row r="3343" spans="1:3" ht="24">
      <c r="A3343" s="13">
        <v>3341</v>
      </c>
      <c r="B3343" s="10" t="s">
        <v>1777</v>
      </c>
      <c r="C3343" s="12" t="s">
        <v>1535</v>
      </c>
    </row>
    <row r="3344" spans="1:3" ht="24">
      <c r="A3344" s="13">
        <v>3342</v>
      </c>
      <c r="B3344" s="10" t="s">
        <v>37</v>
      </c>
      <c r="C3344" s="12" t="s">
        <v>1535</v>
      </c>
    </row>
    <row r="3345" spans="1:3" ht="24">
      <c r="A3345" s="10">
        <v>3343</v>
      </c>
      <c r="B3345" s="10" t="s">
        <v>1778</v>
      </c>
      <c r="C3345" s="12" t="s">
        <v>1535</v>
      </c>
    </row>
    <row r="3346" spans="1:3" ht="24">
      <c r="A3346" s="13">
        <v>3344</v>
      </c>
      <c r="B3346" s="15" t="s">
        <v>1779</v>
      </c>
      <c r="C3346" s="12" t="s">
        <v>1535</v>
      </c>
    </row>
    <row r="3347" spans="1:3" ht="24">
      <c r="A3347" s="13">
        <v>3345</v>
      </c>
      <c r="B3347" s="10" t="s">
        <v>1531</v>
      </c>
      <c r="C3347" s="12" t="s">
        <v>1535</v>
      </c>
    </row>
    <row r="3348" spans="1:3" ht="24">
      <c r="A3348" s="13">
        <v>3346</v>
      </c>
      <c r="B3348" s="10" t="s">
        <v>1780</v>
      </c>
      <c r="C3348" s="12" t="s">
        <v>1535</v>
      </c>
    </row>
    <row r="3349" spans="1:3" ht="24">
      <c r="A3349" s="10">
        <v>3347</v>
      </c>
      <c r="B3349" s="15" t="s">
        <v>1781</v>
      </c>
      <c r="C3349" s="12" t="s">
        <v>1535</v>
      </c>
    </row>
    <row r="3350" spans="1:3" ht="24">
      <c r="A3350" s="13">
        <v>3348</v>
      </c>
      <c r="B3350" s="10" t="s">
        <v>911</v>
      </c>
      <c r="C3350" s="12" t="s">
        <v>1535</v>
      </c>
    </row>
    <row r="3351" spans="1:3" ht="24">
      <c r="A3351" s="13">
        <v>3349</v>
      </c>
      <c r="B3351" s="10" t="s">
        <v>37</v>
      </c>
      <c r="C3351" s="12" t="s">
        <v>1535</v>
      </c>
    </row>
    <row r="3352" spans="1:3" ht="24">
      <c r="A3352" s="13">
        <v>3350</v>
      </c>
      <c r="B3352" s="10" t="s">
        <v>1782</v>
      </c>
      <c r="C3352" s="12" t="s">
        <v>1535</v>
      </c>
    </row>
    <row r="3353" spans="1:3" ht="24">
      <c r="A3353" s="10">
        <v>3351</v>
      </c>
      <c r="B3353" s="25" t="s">
        <v>1783</v>
      </c>
      <c r="C3353" s="12" t="s">
        <v>1535</v>
      </c>
    </row>
    <row r="3354" spans="1:3" ht="24">
      <c r="A3354" s="13">
        <v>3352</v>
      </c>
      <c r="B3354" s="10" t="s">
        <v>1784</v>
      </c>
      <c r="C3354" s="12" t="s">
        <v>1535</v>
      </c>
    </row>
    <row r="3355" spans="1:3" ht="24">
      <c r="A3355" s="13">
        <v>3353</v>
      </c>
      <c r="B3355" s="10" t="s">
        <v>1785</v>
      </c>
      <c r="C3355" s="12" t="s">
        <v>1535</v>
      </c>
    </row>
    <row r="3356" spans="1:3" ht="24">
      <c r="A3356" s="13">
        <v>3354</v>
      </c>
      <c r="B3356" s="15" t="s">
        <v>1786</v>
      </c>
      <c r="C3356" s="12" t="s">
        <v>1535</v>
      </c>
    </row>
    <row r="3357" spans="1:3" ht="24">
      <c r="A3357" s="10">
        <v>3355</v>
      </c>
      <c r="B3357" s="10" t="s">
        <v>1787</v>
      </c>
      <c r="C3357" s="12" t="s">
        <v>1535</v>
      </c>
    </row>
    <row r="3358" spans="1:3" ht="24">
      <c r="A3358" s="13">
        <v>3356</v>
      </c>
      <c r="B3358" s="10" t="s">
        <v>910</v>
      </c>
      <c r="C3358" s="12" t="s">
        <v>1535</v>
      </c>
    </row>
    <row r="3359" spans="1:3" ht="24">
      <c r="A3359" s="13">
        <v>3357</v>
      </c>
      <c r="B3359" s="10" t="s">
        <v>1788</v>
      </c>
      <c r="C3359" s="12" t="s">
        <v>1535</v>
      </c>
    </row>
    <row r="3360" spans="1:3" ht="24">
      <c r="A3360" s="13">
        <v>3358</v>
      </c>
      <c r="B3360" s="10" t="s">
        <v>37</v>
      </c>
      <c r="C3360" s="12" t="s">
        <v>1535</v>
      </c>
    </row>
    <row r="3361" spans="1:3" ht="24">
      <c r="A3361" s="10">
        <v>3359</v>
      </c>
      <c r="B3361" s="10" t="s">
        <v>910</v>
      </c>
      <c r="C3361" s="12" t="s">
        <v>1535</v>
      </c>
    </row>
    <row r="3362" spans="1:3" ht="24">
      <c r="A3362" s="13">
        <v>3360</v>
      </c>
      <c r="B3362" s="10" t="s">
        <v>37</v>
      </c>
      <c r="C3362" s="12" t="s">
        <v>1535</v>
      </c>
    </row>
    <row r="3363" spans="1:3" ht="24">
      <c r="A3363" s="13">
        <v>3361</v>
      </c>
      <c r="B3363" s="10" t="s">
        <v>1789</v>
      </c>
      <c r="C3363" s="12" t="s">
        <v>1535</v>
      </c>
    </row>
    <row r="3364" spans="1:3" ht="24">
      <c r="A3364" s="13">
        <v>3362</v>
      </c>
      <c r="B3364" s="10" t="s">
        <v>1790</v>
      </c>
      <c r="C3364" s="12" t="s">
        <v>1535</v>
      </c>
    </row>
    <row r="3365" spans="1:3" ht="24">
      <c r="A3365" s="10">
        <v>3363</v>
      </c>
      <c r="B3365" s="10" t="s">
        <v>1791</v>
      </c>
      <c r="C3365" s="12" t="s">
        <v>1535</v>
      </c>
    </row>
    <row r="3366" spans="1:3" ht="24">
      <c r="A3366" s="13">
        <v>3364</v>
      </c>
      <c r="B3366" s="10" t="s">
        <v>1792</v>
      </c>
      <c r="C3366" s="12" t="s">
        <v>1535</v>
      </c>
    </row>
    <row r="3367" spans="1:3" ht="24">
      <c r="A3367" s="13">
        <v>3365</v>
      </c>
      <c r="B3367" s="10" t="s">
        <v>1793</v>
      </c>
      <c r="C3367" s="12" t="s">
        <v>1535</v>
      </c>
    </row>
    <row r="3368" spans="1:3" ht="24">
      <c r="A3368" s="13">
        <v>3366</v>
      </c>
      <c r="B3368" s="16" t="s">
        <v>1794</v>
      </c>
      <c r="C3368" s="12" t="s">
        <v>1535</v>
      </c>
    </row>
    <row r="3369" spans="1:3" ht="24">
      <c r="A3369" s="10">
        <v>3367</v>
      </c>
      <c r="B3369" s="10" t="s">
        <v>1795</v>
      </c>
      <c r="C3369" s="12" t="s">
        <v>1535</v>
      </c>
    </row>
    <row r="3370" spans="1:3" ht="24">
      <c r="A3370" s="13">
        <v>3368</v>
      </c>
      <c r="B3370" s="10" t="s">
        <v>1796</v>
      </c>
      <c r="C3370" s="12" t="s">
        <v>1535</v>
      </c>
    </row>
    <row r="3371" spans="1:3" ht="24">
      <c r="A3371" s="13">
        <v>3369</v>
      </c>
      <c r="B3371" s="11" t="s">
        <v>1797</v>
      </c>
      <c r="C3371" s="12" t="s">
        <v>1535</v>
      </c>
    </row>
    <row r="3372" spans="1:3" ht="15.75">
      <c r="A3372" s="13">
        <v>3370</v>
      </c>
      <c r="B3372" s="10" t="s">
        <v>1798</v>
      </c>
      <c r="C3372" s="12" t="s">
        <v>1799</v>
      </c>
    </row>
    <row r="3373" spans="1:3" ht="15.75">
      <c r="A3373" s="10">
        <v>3371</v>
      </c>
      <c r="B3373" s="10" t="s">
        <v>1798</v>
      </c>
      <c r="C3373" s="12" t="s">
        <v>1799</v>
      </c>
    </row>
    <row r="3374" spans="1:3" ht="15.75">
      <c r="A3374" s="13">
        <v>3372</v>
      </c>
      <c r="B3374" s="10" t="s">
        <v>1800</v>
      </c>
      <c r="C3374" s="12" t="s">
        <v>1799</v>
      </c>
    </row>
    <row r="3375" spans="1:3" ht="15.75">
      <c r="A3375" s="13">
        <v>3373</v>
      </c>
      <c r="B3375" s="10" t="s">
        <v>1801</v>
      </c>
      <c r="C3375" s="12" t="s">
        <v>1799</v>
      </c>
    </row>
    <row r="3376" spans="1:3" ht="15.75">
      <c r="A3376" s="13">
        <v>3374</v>
      </c>
      <c r="B3376" s="10" t="s">
        <v>1802</v>
      </c>
      <c r="C3376" s="12" t="s">
        <v>1799</v>
      </c>
    </row>
    <row r="3377" spans="1:3" ht="15.75">
      <c r="A3377" s="10">
        <v>3375</v>
      </c>
      <c r="B3377" s="10" t="s">
        <v>1803</v>
      </c>
      <c r="C3377" s="12" t="s">
        <v>1799</v>
      </c>
    </row>
    <row r="3378" spans="1:3" ht="15.75">
      <c r="A3378" s="13">
        <v>3376</v>
      </c>
      <c r="B3378" s="10" t="s">
        <v>1804</v>
      </c>
      <c r="C3378" s="12" t="s">
        <v>1799</v>
      </c>
    </row>
    <row r="3379" spans="1:3" ht="15.75">
      <c r="A3379" s="13">
        <v>3377</v>
      </c>
      <c r="B3379" s="10" t="s">
        <v>149</v>
      </c>
      <c r="C3379" s="12" t="s">
        <v>1799</v>
      </c>
    </row>
    <row r="3380" spans="1:3" ht="15.75">
      <c r="A3380" s="13">
        <v>3378</v>
      </c>
      <c r="B3380" s="10" t="s">
        <v>1805</v>
      </c>
      <c r="C3380" s="12" t="s">
        <v>1799</v>
      </c>
    </row>
    <row r="3381" spans="1:3" ht="15.75">
      <c r="A3381" s="10">
        <v>3379</v>
      </c>
      <c r="B3381" s="10" t="s">
        <v>1806</v>
      </c>
      <c r="C3381" s="12" t="s">
        <v>1799</v>
      </c>
    </row>
    <row r="3382" spans="1:3" ht="15.75">
      <c r="A3382" s="13">
        <v>3380</v>
      </c>
      <c r="B3382" s="10" t="s">
        <v>1807</v>
      </c>
      <c r="C3382" s="12" t="s">
        <v>1799</v>
      </c>
    </row>
    <row r="3383" spans="1:3" ht="15.75">
      <c r="A3383" s="13">
        <v>3381</v>
      </c>
      <c r="B3383" s="10" t="s">
        <v>1808</v>
      </c>
      <c r="C3383" s="12" t="s">
        <v>1799</v>
      </c>
    </row>
    <row r="3384" spans="1:3" ht="15.75">
      <c r="A3384" s="13">
        <v>3382</v>
      </c>
      <c r="B3384" s="10" t="s">
        <v>1809</v>
      </c>
      <c r="C3384" s="12" t="s">
        <v>1799</v>
      </c>
    </row>
    <row r="3385" spans="1:3" ht="15.75">
      <c r="A3385" s="10">
        <v>3383</v>
      </c>
      <c r="B3385" s="10" t="s">
        <v>1810</v>
      </c>
      <c r="C3385" s="12" t="s">
        <v>1799</v>
      </c>
    </row>
    <row r="3386" spans="1:3" ht="15.75">
      <c r="A3386" s="13">
        <v>3384</v>
      </c>
      <c r="B3386" s="10" t="s">
        <v>1811</v>
      </c>
      <c r="C3386" s="12" t="s">
        <v>1799</v>
      </c>
    </row>
    <row r="3387" spans="1:3" ht="15.75">
      <c r="A3387" s="13">
        <v>3385</v>
      </c>
      <c r="B3387" s="10" t="s">
        <v>347</v>
      </c>
      <c r="C3387" s="12" t="s">
        <v>1799</v>
      </c>
    </row>
    <row r="3388" spans="1:3" ht="15.75">
      <c r="A3388" s="13">
        <v>3386</v>
      </c>
      <c r="B3388" s="10" t="s">
        <v>1812</v>
      </c>
      <c r="C3388" s="12" t="s">
        <v>1799</v>
      </c>
    </row>
    <row r="3389" spans="1:3" ht="15.75">
      <c r="A3389" s="10">
        <v>3387</v>
      </c>
      <c r="B3389" s="10" t="s">
        <v>1813</v>
      </c>
      <c r="C3389" s="12" t="s">
        <v>1799</v>
      </c>
    </row>
    <row r="3390" spans="1:3" ht="15.75">
      <c r="A3390" s="13">
        <v>3388</v>
      </c>
      <c r="B3390" s="10" t="s">
        <v>1814</v>
      </c>
      <c r="C3390" s="12" t="s">
        <v>1799</v>
      </c>
    </row>
    <row r="3391" spans="1:3" ht="15.75">
      <c r="A3391" s="13">
        <v>3389</v>
      </c>
      <c r="B3391" s="10" t="s">
        <v>1815</v>
      </c>
      <c r="C3391" s="12" t="s">
        <v>1799</v>
      </c>
    </row>
    <row r="3392" spans="1:3" ht="15.75">
      <c r="A3392" s="13">
        <v>3390</v>
      </c>
      <c r="B3392" s="10" t="s">
        <v>1377</v>
      </c>
      <c r="C3392" s="12" t="s">
        <v>1799</v>
      </c>
    </row>
    <row r="3393" spans="1:3" ht="15.75">
      <c r="A3393" s="10">
        <v>3391</v>
      </c>
      <c r="B3393" s="10" t="s">
        <v>1816</v>
      </c>
      <c r="C3393" s="12" t="s">
        <v>1799</v>
      </c>
    </row>
    <row r="3394" spans="1:3" ht="15.75">
      <c r="A3394" s="13">
        <v>3392</v>
      </c>
      <c r="B3394" s="10" t="s">
        <v>1817</v>
      </c>
      <c r="C3394" s="12" t="s">
        <v>1799</v>
      </c>
    </row>
    <row r="3395" spans="1:3" ht="15.75">
      <c r="A3395" s="13">
        <v>3393</v>
      </c>
      <c r="B3395" s="17" t="s">
        <v>1801</v>
      </c>
      <c r="C3395" s="12" t="s">
        <v>1799</v>
      </c>
    </row>
    <row r="3396" spans="1:3" ht="15.75">
      <c r="A3396" s="13">
        <v>3394</v>
      </c>
      <c r="B3396" s="20" t="s">
        <v>1818</v>
      </c>
      <c r="C3396" s="12" t="s">
        <v>1799</v>
      </c>
    </row>
    <row r="3397" spans="1:3" ht="15.75">
      <c r="A3397" s="10">
        <v>3395</v>
      </c>
      <c r="B3397" s="15" t="s">
        <v>1819</v>
      </c>
      <c r="C3397" s="12" t="s">
        <v>1799</v>
      </c>
    </row>
    <row r="3398" spans="1:3" ht="15.75">
      <c r="A3398" s="13">
        <v>3396</v>
      </c>
      <c r="B3398" s="10" t="s">
        <v>424</v>
      </c>
      <c r="C3398" s="12" t="s">
        <v>1799</v>
      </c>
    </row>
    <row r="3399" spans="1:3" ht="31.5">
      <c r="A3399" s="13">
        <v>3397</v>
      </c>
      <c r="B3399" s="10" t="s">
        <v>1820</v>
      </c>
      <c r="C3399" s="12" t="s">
        <v>1799</v>
      </c>
    </row>
    <row r="3400" spans="1:3" ht="15.75">
      <c r="A3400" s="13">
        <v>3398</v>
      </c>
      <c r="B3400" s="16" t="s">
        <v>1699</v>
      </c>
      <c r="C3400" s="12" t="s">
        <v>1799</v>
      </c>
    </row>
    <row r="3401" spans="1:3" ht="15.75">
      <c r="A3401" s="10">
        <v>3399</v>
      </c>
      <c r="B3401" s="10" t="s">
        <v>1821</v>
      </c>
      <c r="C3401" s="12" t="s">
        <v>1799</v>
      </c>
    </row>
    <row r="3402" spans="1:3" ht="15.75">
      <c r="A3402" s="13">
        <v>3400</v>
      </c>
      <c r="B3402" s="10" t="s">
        <v>1821</v>
      </c>
      <c r="C3402" s="12" t="s">
        <v>1799</v>
      </c>
    </row>
    <row r="3403" spans="1:3" ht="15.75">
      <c r="A3403" s="13">
        <v>3401</v>
      </c>
      <c r="B3403" s="10" t="s">
        <v>1497</v>
      </c>
      <c r="C3403" s="12" t="s">
        <v>1799</v>
      </c>
    </row>
    <row r="3404" spans="1:3" ht="15.75">
      <c r="A3404" s="13">
        <v>3402</v>
      </c>
      <c r="B3404" s="10" t="s">
        <v>1822</v>
      </c>
      <c r="C3404" s="12" t="s">
        <v>1799</v>
      </c>
    </row>
    <row r="3405" spans="1:3" ht="15.75">
      <c r="A3405" s="10">
        <v>3403</v>
      </c>
      <c r="B3405" s="10" t="s">
        <v>1823</v>
      </c>
      <c r="C3405" s="12" t="s">
        <v>1799</v>
      </c>
    </row>
    <row r="3406" spans="1:3" ht="15.75">
      <c r="A3406" s="13">
        <v>3404</v>
      </c>
      <c r="B3406" s="10" t="s">
        <v>1824</v>
      </c>
      <c r="C3406" s="12" t="s">
        <v>1799</v>
      </c>
    </row>
    <row r="3407" spans="1:3" ht="15.75">
      <c r="A3407" s="13">
        <v>3405</v>
      </c>
      <c r="B3407" s="10" t="s">
        <v>1825</v>
      </c>
      <c r="C3407" s="12" t="s">
        <v>1799</v>
      </c>
    </row>
    <row r="3408" spans="1:3" ht="15.75">
      <c r="A3408" s="13">
        <v>3406</v>
      </c>
      <c r="B3408" s="10" t="s">
        <v>1826</v>
      </c>
      <c r="C3408" s="12" t="s">
        <v>1799</v>
      </c>
    </row>
    <row r="3409" spans="1:3" ht="15.75">
      <c r="A3409" s="10">
        <v>3407</v>
      </c>
      <c r="B3409" s="10" t="s">
        <v>1827</v>
      </c>
      <c r="C3409" s="12" t="s">
        <v>1799</v>
      </c>
    </row>
    <row r="3410" spans="1:3" ht="15.75">
      <c r="A3410" s="13">
        <v>3408</v>
      </c>
      <c r="B3410" s="10" t="s">
        <v>1828</v>
      </c>
      <c r="C3410" s="12" t="s">
        <v>1799</v>
      </c>
    </row>
    <row r="3411" spans="1:3" ht="15.75">
      <c r="A3411" s="13">
        <v>3409</v>
      </c>
      <c r="B3411" s="10" t="s">
        <v>1829</v>
      </c>
      <c r="C3411" s="12" t="s">
        <v>1799</v>
      </c>
    </row>
    <row r="3412" spans="1:3" ht="15.75">
      <c r="A3412" s="13">
        <v>3410</v>
      </c>
      <c r="B3412" s="10" t="s">
        <v>1830</v>
      </c>
      <c r="C3412" s="12" t="s">
        <v>1799</v>
      </c>
    </row>
    <row r="3413" spans="1:3" ht="15.75">
      <c r="A3413" s="10">
        <v>3411</v>
      </c>
      <c r="B3413" s="10" t="s">
        <v>1831</v>
      </c>
      <c r="C3413" s="12" t="s">
        <v>1799</v>
      </c>
    </row>
    <row r="3414" spans="1:3" ht="15.75">
      <c r="A3414" s="13">
        <v>3412</v>
      </c>
      <c r="B3414" s="10" t="s">
        <v>1631</v>
      </c>
      <c r="C3414" s="12" t="s">
        <v>1799</v>
      </c>
    </row>
    <row r="3415" spans="1:3" ht="15.75">
      <c r="A3415" s="13">
        <v>3413</v>
      </c>
      <c r="B3415" s="10" t="s">
        <v>1832</v>
      </c>
      <c r="C3415" s="12" t="s">
        <v>1799</v>
      </c>
    </row>
    <row r="3416" spans="1:3" ht="15.75">
      <c r="A3416" s="13">
        <v>3414</v>
      </c>
      <c r="B3416" s="10" t="s">
        <v>1833</v>
      </c>
      <c r="C3416" s="12" t="s">
        <v>1799</v>
      </c>
    </row>
    <row r="3417" spans="1:3" ht="15.75">
      <c r="A3417" s="10">
        <v>3415</v>
      </c>
      <c r="B3417" s="10" t="s">
        <v>1833</v>
      </c>
      <c r="C3417" s="12" t="s">
        <v>1799</v>
      </c>
    </row>
    <row r="3418" spans="1:3" ht="15.75">
      <c r="A3418" s="13">
        <v>3416</v>
      </c>
      <c r="B3418" s="10" t="s">
        <v>1834</v>
      </c>
      <c r="C3418" s="12" t="s">
        <v>1799</v>
      </c>
    </row>
    <row r="3419" spans="1:3" ht="15.75">
      <c r="A3419" s="13">
        <v>3417</v>
      </c>
      <c r="B3419" s="11" t="s">
        <v>190</v>
      </c>
      <c r="C3419" s="12" t="s">
        <v>1799</v>
      </c>
    </row>
    <row r="3420" spans="1:3" ht="15.75">
      <c r="A3420" s="13">
        <v>3418</v>
      </c>
      <c r="B3420" s="11" t="s">
        <v>1835</v>
      </c>
      <c r="C3420" s="12" t="s">
        <v>1799</v>
      </c>
    </row>
    <row r="3421" spans="1:3" ht="15.75">
      <c r="A3421" s="10">
        <v>3419</v>
      </c>
      <c r="B3421" s="11" t="s">
        <v>1836</v>
      </c>
      <c r="C3421" s="12" t="s">
        <v>1799</v>
      </c>
    </row>
    <row r="3422" spans="1:3" ht="15.75">
      <c r="A3422" s="13">
        <v>3420</v>
      </c>
      <c r="B3422" s="11" t="s">
        <v>1836</v>
      </c>
      <c r="C3422" s="12" t="s">
        <v>1799</v>
      </c>
    </row>
    <row r="3423" spans="1:3" ht="15.75">
      <c r="A3423" s="13">
        <v>3421</v>
      </c>
      <c r="B3423" s="24" t="s">
        <v>1190</v>
      </c>
      <c r="C3423" s="12" t="s">
        <v>1799</v>
      </c>
    </row>
    <row r="3424" spans="1:3" ht="15.75">
      <c r="A3424" s="13">
        <v>3422</v>
      </c>
      <c r="B3424" s="10" t="s">
        <v>1837</v>
      </c>
      <c r="C3424" s="12" t="s">
        <v>1799</v>
      </c>
    </row>
    <row r="3425" spans="1:3" ht="15.75">
      <c r="A3425" s="10">
        <v>3423</v>
      </c>
      <c r="B3425" s="15" t="s">
        <v>1838</v>
      </c>
      <c r="C3425" s="12" t="s">
        <v>1799</v>
      </c>
    </row>
    <row r="3426" spans="1:3" ht="15.75">
      <c r="A3426" s="13">
        <v>3424</v>
      </c>
      <c r="B3426" s="10" t="s">
        <v>924</v>
      </c>
      <c r="C3426" s="12" t="s">
        <v>1799</v>
      </c>
    </row>
    <row r="3427" spans="1:3" ht="15.75">
      <c r="A3427" s="13">
        <v>3425</v>
      </c>
      <c r="B3427" s="10" t="s">
        <v>1839</v>
      </c>
      <c r="C3427" s="12" t="s">
        <v>1799</v>
      </c>
    </row>
    <row r="3428" spans="1:3" ht="15.75">
      <c r="A3428" s="13">
        <v>3426</v>
      </c>
      <c r="B3428" s="17" t="s">
        <v>1840</v>
      </c>
      <c r="C3428" s="12" t="s">
        <v>1799</v>
      </c>
    </row>
    <row r="3429" spans="1:3" ht="15.75">
      <c r="A3429" s="10">
        <v>3427</v>
      </c>
      <c r="B3429" s="25" t="s">
        <v>1841</v>
      </c>
      <c r="C3429" s="12" t="s">
        <v>1799</v>
      </c>
    </row>
    <row r="3430" spans="1:3" ht="15.75">
      <c r="A3430" s="13">
        <v>3428</v>
      </c>
      <c r="B3430" s="10" t="s">
        <v>1842</v>
      </c>
      <c r="C3430" s="12" t="s">
        <v>1799</v>
      </c>
    </row>
    <row r="3431" spans="1:3" ht="15.75">
      <c r="A3431" s="13">
        <v>3429</v>
      </c>
      <c r="B3431" s="10" t="s">
        <v>1843</v>
      </c>
      <c r="C3431" s="12" t="s">
        <v>1799</v>
      </c>
    </row>
    <row r="3432" spans="1:3" ht="15.75">
      <c r="A3432" s="13">
        <v>3430</v>
      </c>
      <c r="B3432" s="15" t="s">
        <v>1844</v>
      </c>
      <c r="C3432" s="12" t="s">
        <v>1799</v>
      </c>
    </row>
    <row r="3433" spans="1:3" ht="15.75">
      <c r="A3433" s="10">
        <v>3431</v>
      </c>
      <c r="B3433" s="10" t="s">
        <v>1845</v>
      </c>
      <c r="C3433" s="12" t="s">
        <v>1799</v>
      </c>
    </row>
    <row r="3434" spans="1:3" ht="15.75">
      <c r="A3434" s="13">
        <v>3432</v>
      </c>
      <c r="B3434" s="10" t="s">
        <v>1846</v>
      </c>
      <c r="C3434" s="12" t="s">
        <v>1799</v>
      </c>
    </row>
    <row r="3435" spans="1:3" ht="15.75">
      <c r="A3435" s="13">
        <v>3433</v>
      </c>
      <c r="B3435" s="10" t="s">
        <v>1847</v>
      </c>
      <c r="C3435" s="12" t="s">
        <v>1799</v>
      </c>
    </row>
    <row r="3436" spans="1:3" ht="15.75">
      <c r="A3436" s="13">
        <v>3434</v>
      </c>
      <c r="B3436" s="17" t="s">
        <v>1848</v>
      </c>
      <c r="C3436" s="12" t="s">
        <v>1799</v>
      </c>
    </row>
    <row r="3437" spans="1:3" ht="15.75">
      <c r="A3437" s="10">
        <v>3435</v>
      </c>
      <c r="B3437" s="16" t="s">
        <v>1797</v>
      </c>
      <c r="C3437" s="12" t="s">
        <v>1799</v>
      </c>
    </row>
    <row r="3438" spans="1:3" ht="15.75">
      <c r="A3438" s="13">
        <v>3436</v>
      </c>
      <c r="B3438" s="10" t="s">
        <v>1849</v>
      </c>
      <c r="C3438" s="12" t="s">
        <v>1850</v>
      </c>
    </row>
    <row r="3439" spans="1:3" ht="15.75">
      <c r="A3439" s="13">
        <v>3437</v>
      </c>
      <c r="B3439" s="10" t="s">
        <v>1851</v>
      </c>
      <c r="C3439" s="12" t="s">
        <v>1850</v>
      </c>
    </row>
    <row r="3440" spans="1:3" ht="15.75">
      <c r="A3440" s="13">
        <v>3438</v>
      </c>
      <c r="B3440" s="10" t="s">
        <v>1852</v>
      </c>
      <c r="C3440" s="12" t="s">
        <v>1850</v>
      </c>
    </row>
    <row r="3441" spans="1:3" ht="15.75">
      <c r="A3441" s="10">
        <v>3439</v>
      </c>
      <c r="B3441" s="10" t="s">
        <v>1853</v>
      </c>
      <c r="C3441" s="12" t="s">
        <v>1850</v>
      </c>
    </row>
    <row r="3442" spans="1:3" ht="15.75">
      <c r="A3442" s="13">
        <v>3440</v>
      </c>
      <c r="B3442" s="10" t="s">
        <v>1854</v>
      </c>
      <c r="C3442" s="12" t="s">
        <v>1850</v>
      </c>
    </row>
    <row r="3443" spans="1:3" ht="15.75">
      <c r="A3443" s="13">
        <v>3441</v>
      </c>
      <c r="B3443" s="10" t="s">
        <v>101</v>
      </c>
      <c r="C3443" s="12" t="s">
        <v>1850</v>
      </c>
    </row>
    <row r="3444" spans="1:3" ht="15.75">
      <c r="A3444" s="13">
        <v>3442</v>
      </c>
      <c r="B3444" s="10" t="s">
        <v>1856</v>
      </c>
      <c r="C3444" s="12" t="s">
        <v>1850</v>
      </c>
    </row>
    <row r="3445" spans="1:3" ht="15.75">
      <c r="A3445" s="10">
        <v>3443</v>
      </c>
      <c r="B3445" s="10" t="s">
        <v>1857</v>
      </c>
      <c r="C3445" s="12" t="s">
        <v>1850</v>
      </c>
    </row>
    <row r="3446" spans="1:3" ht="15.75">
      <c r="A3446" s="13">
        <v>3444</v>
      </c>
      <c r="B3446" s="10" t="s">
        <v>1858</v>
      </c>
      <c r="C3446" s="12" t="s">
        <v>1850</v>
      </c>
    </row>
    <row r="3447" spans="1:3" ht="15.75">
      <c r="A3447" s="13">
        <v>3445</v>
      </c>
      <c r="B3447" s="10" t="s">
        <v>1855</v>
      </c>
      <c r="C3447" s="12" t="s">
        <v>1850</v>
      </c>
    </row>
    <row r="3448" spans="1:3" ht="15.75">
      <c r="A3448" s="13">
        <v>3446</v>
      </c>
      <c r="B3448" s="10" t="s">
        <v>1855</v>
      </c>
      <c r="C3448" s="12" t="s">
        <v>1850</v>
      </c>
    </row>
    <row r="3449" spans="1:3" ht="15.75">
      <c r="A3449" s="10">
        <v>3447</v>
      </c>
      <c r="B3449" s="10" t="s">
        <v>20</v>
      </c>
      <c r="C3449" s="12" t="s">
        <v>1850</v>
      </c>
    </row>
    <row r="3450" spans="1:3" ht="15.75">
      <c r="A3450" s="13">
        <v>3448</v>
      </c>
      <c r="B3450" s="10" t="s">
        <v>1859</v>
      </c>
      <c r="C3450" s="12" t="s">
        <v>1850</v>
      </c>
    </row>
    <row r="3451" spans="1:3" ht="15.75">
      <c r="A3451" s="13">
        <v>3449</v>
      </c>
      <c r="B3451" s="10" t="s">
        <v>1860</v>
      </c>
      <c r="C3451" s="12" t="s">
        <v>1850</v>
      </c>
    </row>
    <row r="3452" spans="1:3" ht="15.75">
      <c r="A3452" s="13">
        <v>3450</v>
      </c>
      <c r="B3452" s="10" t="s">
        <v>1861</v>
      </c>
      <c r="C3452" s="12" t="s">
        <v>1850</v>
      </c>
    </row>
    <row r="3453" spans="1:3" ht="15.75">
      <c r="A3453" s="10">
        <v>3451</v>
      </c>
      <c r="B3453" s="18" t="s">
        <v>1862</v>
      </c>
      <c r="C3453" s="12" t="s">
        <v>1850</v>
      </c>
    </row>
    <row r="3454" spans="1:3" ht="15.75">
      <c r="A3454" s="13">
        <v>3452</v>
      </c>
      <c r="B3454" s="15" t="s">
        <v>1863</v>
      </c>
      <c r="C3454" s="12" t="s">
        <v>1850</v>
      </c>
    </row>
    <row r="3455" spans="1:3" ht="15.75">
      <c r="A3455" s="13">
        <v>3453</v>
      </c>
      <c r="B3455" s="10" t="s">
        <v>607</v>
      </c>
      <c r="C3455" s="12" t="s">
        <v>1850</v>
      </c>
    </row>
    <row r="3456" spans="1:3" ht="15.75">
      <c r="A3456" s="13">
        <v>3454</v>
      </c>
      <c r="B3456" s="10" t="s">
        <v>607</v>
      </c>
      <c r="C3456" s="12" t="s">
        <v>1850</v>
      </c>
    </row>
    <row r="3457" spans="1:3" ht="15.75">
      <c r="A3457" s="10">
        <v>3455</v>
      </c>
      <c r="B3457" s="15" t="s">
        <v>1864</v>
      </c>
      <c r="C3457" s="12" t="s">
        <v>1850</v>
      </c>
    </row>
    <row r="3458" spans="1:3" ht="15.75">
      <c r="A3458" s="13">
        <v>3456</v>
      </c>
      <c r="B3458" s="10" t="s">
        <v>1865</v>
      </c>
      <c r="C3458" s="12" t="s">
        <v>1850</v>
      </c>
    </row>
    <row r="3459" spans="1:3" ht="15.75">
      <c r="A3459" s="13">
        <v>3457</v>
      </c>
      <c r="B3459" s="10" t="s">
        <v>1866</v>
      </c>
      <c r="C3459" s="12" t="s">
        <v>1850</v>
      </c>
    </row>
    <row r="3460" spans="1:3" ht="15.75">
      <c r="A3460" s="13">
        <v>3458</v>
      </c>
      <c r="B3460" s="17" t="s">
        <v>1867</v>
      </c>
      <c r="C3460" s="12" t="s">
        <v>1850</v>
      </c>
    </row>
    <row r="3461" spans="1:3" ht="15.75">
      <c r="A3461" s="10">
        <v>3459</v>
      </c>
      <c r="B3461" s="16" t="s">
        <v>1868</v>
      </c>
      <c r="C3461" s="12" t="s">
        <v>1850</v>
      </c>
    </row>
    <row r="3462" spans="1:3" ht="15.75">
      <c r="A3462" s="13">
        <v>3460</v>
      </c>
      <c r="B3462" s="10" t="s">
        <v>1869</v>
      </c>
      <c r="C3462" s="12" t="s">
        <v>1850</v>
      </c>
    </row>
    <row r="3463" spans="1:3" ht="15.75">
      <c r="A3463" s="13">
        <v>3461</v>
      </c>
      <c r="B3463" s="10" t="s">
        <v>1870</v>
      </c>
      <c r="C3463" s="12" t="s">
        <v>1850</v>
      </c>
    </row>
    <row r="3464" spans="1:3" ht="15.75">
      <c r="A3464" s="13">
        <v>3462</v>
      </c>
      <c r="B3464" s="10" t="s">
        <v>1870</v>
      </c>
      <c r="C3464" s="12" t="s">
        <v>1850</v>
      </c>
    </row>
    <row r="3465" spans="1:3" ht="15.75">
      <c r="A3465" s="10">
        <v>3463</v>
      </c>
      <c r="B3465" s="10" t="s">
        <v>1871</v>
      </c>
      <c r="C3465" s="12" t="s">
        <v>1850</v>
      </c>
    </row>
    <row r="3466" spans="1:3" ht="15.75">
      <c r="A3466" s="13">
        <v>3464</v>
      </c>
      <c r="B3466" s="10" t="s">
        <v>1872</v>
      </c>
      <c r="C3466" s="12" t="s">
        <v>1850</v>
      </c>
    </row>
    <row r="3467" spans="1:3" ht="15.75">
      <c r="A3467" s="13">
        <v>3465</v>
      </c>
      <c r="B3467" s="10" t="s">
        <v>1872</v>
      </c>
      <c r="C3467" s="12" t="s">
        <v>1850</v>
      </c>
    </row>
    <row r="3468" spans="1:3" ht="15.75">
      <c r="A3468" s="13">
        <v>3466</v>
      </c>
      <c r="B3468" s="10" t="s">
        <v>1873</v>
      </c>
      <c r="C3468" s="12" t="s">
        <v>1850</v>
      </c>
    </row>
    <row r="3469" spans="1:3" ht="15.75">
      <c r="A3469" s="10">
        <v>3467</v>
      </c>
      <c r="B3469" s="10" t="s">
        <v>1682</v>
      </c>
      <c r="C3469" s="12" t="s">
        <v>1850</v>
      </c>
    </row>
    <row r="3470" spans="1:3" ht="15.75">
      <c r="A3470" s="13">
        <v>3468</v>
      </c>
      <c r="B3470" s="10" t="s">
        <v>1874</v>
      </c>
      <c r="C3470" s="12" t="s">
        <v>1850</v>
      </c>
    </row>
    <row r="3471" spans="1:3" ht="15.75">
      <c r="A3471" s="13">
        <v>3469</v>
      </c>
      <c r="B3471" s="10" t="s">
        <v>1875</v>
      </c>
      <c r="C3471" s="12" t="s">
        <v>1850</v>
      </c>
    </row>
    <row r="3472" spans="1:3" ht="15.75">
      <c r="A3472" s="13">
        <v>3470</v>
      </c>
      <c r="B3472" s="10" t="s">
        <v>973</v>
      </c>
      <c r="C3472" s="12" t="s">
        <v>1850</v>
      </c>
    </row>
    <row r="3473" spans="1:3" ht="15.75">
      <c r="A3473" s="10">
        <v>3471</v>
      </c>
      <c r="B3473" s="10" t="s">
        <v>1876</v>
      </c>
      <c r="C3473" s="12" t="s">
        <v>1850</v>
      </c>
    </row>
    <row r="3474" spans="1:3" ht="15.75">
      <c r="A3474" s="13">
        <v>3472</v>
      </c>
      <c r="B3474" s="10" t="s">
        <v>1877</v>
      </c>
      <c r="C3474" s="12" t="s">
        <v>1850</v>
      </c>
    </row>
    <row r="3475" spans="1:3" ht="15.75">
      <c r="A3475" s="13">
        <v>3473</v>
      </c>
      <c r="B3475" s="10" t="s">
        <v>1655</v>
      </c>
      <c r="C3475" s="12" t="s">
        <v>1850</v>
      </c>
    </row>
    <row r="3476" spans="1:3" ht="15.75">
      <c r="A3476" s="13">
        <v>3474</v>
      </c>
      <c r="B3476" s="10" t="s">
        <v>1878</v>
      </c>
      <c r="C3476" s="12" t="s">
        <v>1850</v>
      </c>
    </row>
    <row r="3477" spans="1:3" ht="15.75">
      <c r="A3477" s="10">
        <v>3475</v>
      </c>
      <c r="B3477" s="10" t="s">
        <v>1879</v>
      </c>
      <c r="C3477" s="12" t="s">
        <v>1850</v>
      </c>
    </row>
    <row r="3478" spans="1:3" ht="15.75">
      <c r="A3478" s="13">
        <v>3476</v>
      </c>
      <c r="B3478" s="10" t="s">
        <v>1880</v>
      </c>
      <c r="C3478" s="12" t="s">
        <v>1850</v>
      </c>
    </row>
    <row r="3479" spans="1:3" ht="15.75">
      <c r="A3479" s="13">
        <v>3477</v>
      </c>
      <c r="B3479" s="10" t="s">
        <v>1881</v>
      </c>
      <c r="C3479" s="12" t="s">
        <v>1850</v>
      </c>
    </row>
    <row r="3480" spans="1:3" ht="15.75">
      <c r="A3480" s="13">
        <v>3478</v>
      </c>
      <c r="B3480" s="10" t="s">
        <v>1881</v>
      </c>
      <c r="C3480" s="12" t="s">
        <v>1850</v>
      </c>
    </row>
    <row r="3481" spans="1:3" ht="15.75">
      <c r="A3481" s="10">
        <v>3479</v>
      </c>
      <c r="B3481" s="10" t="s">
        <v>1881</v>
      </c>
      <c r="C3481" s="12" t="s">
        <v>1850</v>
      </c>
    </row>
    <row r="3482" spans="1:3" ht="15.75">
      <c r="A3482" s="13">
        <v>3480</v>
      </c>
      <c r="B3482" s="10" t="s">
        <v>1881</v>
      </c>
      <c r="C3482" s="12" t="s">
        <v>1850</v>
      </c>
    </row>
    <row r="3483" spans="1:3" ht="15.75">
      <c r="A3483" s="13">
        <v>3481</v>
      </c>
      <c r="B3483" s="10" t="s">
        <v>1881</v>
      </c>
      <c r="C3483" s="12" t="s">
        <v>1850</v>
      </c>
    </row>
    <row r="3484" spans="1:3" ht="15.75">
      <c r="A3484" s="13">
        <v>3482</v>
      </c>
      <c r="B3484" s="10" t="s">
        <v>1881</v>
      </c>
      <c r="C3484" s="12" t="s">
        <v>1850</v>
      </c>
    </row>
    <row r="3485" spans="1:3" ht="15.75">
      <c r="A3485" s="10">
        <v>3483</v>
      </c>
      <c r="B3485" s="10" t="s">
        <v>1881</v>
      </c>
      <c r="C3485" s="12" t="s">
        <v>1850</v>
      </c>
    </row>
    <row r="3486" spans="1:3" ht="15.75">
      <c r="A3486" s="13">
        <v>3484</v>
      </c>
      <c r="B3486" s="10" t="s">
        <v>1881</v>
      </c>
      <c r="C3486" s="12" t="s">
        <v>1850</v>
      </c>
    </row>
    <row r="3487" spans="1:3" ht="15.75">
      <c r="A3487" s="13">
        <v>3485</v>
      </c>
      <c r="B3487" s="10" t="s">
        <v>1881</v>
      </c>
      <c r="C3487" s="12" t="s">
        <v>1850</v>
      </c>
    </row>
    <row r="3488" spans="1:3" ht="15.75">
      <c r="A3488" s="13">
        <v>3486</v>
      </c>
      <c r="B3488" s="10" t="s">
        <v>1881</v>
      </c>
      <c r="C3488" s="12" t="s">
        <v>1850</v>
      </c>
    </row>
    <row r="3489" spans="1:3" ht="15.75">
      <c r="A3489" s="10">
        <v>3487</v>
      </c>
      <c r="B3489" s="10" t="s">
        <v>1882</v>
      </c>
      <c r="C3489" s="12" t="s">
        <v>1850</v>
      </c>
    </row>
    <row r="3490" spans="1:3" ht="15.75">
      <c r="A3490" s="13">
        <v>3488</v>
      </c>
      <c r="B3490" s="10" t="s">
        <v>1883</v>
      </c>
      <c r="C3490" s="12" t="s">
        <v>1850</v>
      </c>
    </row>
    <row r="3491" spans="1:3" ht="15.75">
      <c r="A3491" s="13">
        <v>3489</v>
      </c>
      <c r="B3491" s="10" t="s">
        <v>1883</v>
      </c>
      <c r="C3491" s="12" t="s">
        <v>1850</v>
      </c>
    </row>
    <row r="3492" spans="1:3" ht="15.75">
      <c r="A3492" s="13">
        <v>3490</v>
      </c>
      <c r="B3492" s="10" t="s">
        <v>1883</v>
      </c>
      <c r="C3492" s="12" t="s">
        <v>1850</v>
      </c>
    </row>
    <row r="3493" spans="1:3" ht="15.75">
      <c r="A3493" s="10">
        <v>3491</v>
      </c>
      <c r="B3493" s="10" t="s">
        <v>1884</v>
      </c>
      <c r="C3493" s="12" t="s">
        <v>1850</v>
      </c>
    </row>
    <row r="3494" spans="1:3" ht="15.75">
      <c r="A3494" s="13">
        <v>3492</v>
      </c>
      <c r="B3494" s="10" t="s">
        <v>1885</v>
      </c>
      <c r="C3494" s="12" t="s">
        <v>1850</v>
      </c>
    </row>
    <row r="3495" spans="1:3" ht="15.75">
      <c r="A3495" s="13">
        <v>3493</v>
      </c>
      <c r="B3495" s="10" t="s">
        <v>1886</v>
      </c>
      <c r="C3495" s="12" t="s">
        <v>1850</v>
      </c>
    </row>
    <row r="3496" spans="1:3" ht="15.75">
      <c r="A3496" s="13">
        <v>3494</v>
      </c>
      <c r="B3496" s="10" t="s">
        <v>1887</v>
      </c>
      <c r="C3496" s="12" t="s">
        <v>1850</v>
      </c>
    </row>
    <row r="3497" spans="1:3" ht="15.75">
      <c r="A3497" s="10">
        <v>3495</v>
      </c>
      <c r="B3497" s="10" t="s">
        <v>1888</v>
      </c>
      <c r="C3497" s="12" t="s">
        <v>1850</v>
      </c>
    </row>
    <row r="3498" spans="1:3" ht="15.75">
      <c r="A3498" s="13">
        <v>3496</v>
      </c>
      <c r="B3498" s="10" t="s">
        <v>1889</v>
      </c>
      <c r="C3498" s="12" t="s">
        <v>1850</v>
      </c>
    </row>
    <row r="3499" spans="1:3" ht="15.75">
      <c r="A3499" s="13">
        <v>3497</v>
      </c>
      <c r="B3499" s="10" t="s">
        <v>1889</v>
      </c>
      <c r="C3499" s="12" t="s">
        <v>1850</v>
      </c>
    </row>
    <row r="3500" spans="1:3" ht="15.75">
      <c r="A3500" s="13">
        <v>3498</v>
      </c>
      <c r="B3500" s="10" t="s">
        <v>1889</v>
      </c>
      <c r="C3500" s="12" t="s">
        <v>1850</v>
      </c>
    </row>
    <row r="3501" spans="1:3" ht="15.75">
      <c r="A3501" s="10">
        <v>3499</v>
      </c>
      <c r="B3501" s="10" t="s">
        <v>1889</v>
      </c>
      <c r="C3501" s="12" t="s">
        <v>1850</v>
      </c>
    </row>
    <row r="3502" spans="1:3" ht="15.75">
      <c r="A3502" s="13">
        <v>3500</v>
      </c>
      <c r="B3502" s="10" t="s">
        <v>1889</v>
      </c>
      <c r="C3502" s="12" t="s">
        <v>1850</v>
      </c>
    </row>
    <row r="3503" spans="1:3" ht="15.75">
      <c r="A3503" s="13">
        <v>3501</v>
      </c>
      <c r="B3503" s="10" t="s">
        <v>1889</v>
      </c>
      <c r="C3503" s="12" t="s">
        <v>1850</v>
      </c>
    </row>
    <row r="3504" spans="1:3" ht="15.75">
      <c r="A3504" s="13">
        <v>3502</v>
      </c>
      <c r="B3504" s="10" t="s">
        <v>1890</v>
      </c>
      <c r="C3504" s="12" t="s">
        <v>1850</v>
      </c>
    </row>
    <row r="3505" spans="1:3" ht="15.75">
      <c r="A3505" s="10">
        <v>3503</v>
      </c>
      <c r="B3505" s="10" t="s">
        <v>331</v>
      </c>
      <c r="C3505" s="12" t="s">
        <v>1850</v>
      </c>
    </row>
    <row r="3506" spans="1:3" ht="15.75">
      <c r="A3506" s="13">
        <v>3504</v>
      </c>
      <c r="B3506" s="10" t="s">
        <v>1891</v>
      </c>
      <c r="C3506" s="12" t="s">
        <v>1850</v>
      </c>
    </row>
    <row r="3507" spans="1:3" ht="15.75">
      <c r="A3507" s="13">
        <v>3505</v>
      </c>
      <c r="B3507" s="10" t="s">
        <v>1892</v>
      </c>
      <c r="C3507" s="12" t="s">
        <v>1850</v>
      </c>
    </row>
    <row r="3508" spans="1:3" ht="15.75">
      <c r="A3508" s="13">
        <v>3506</v>
      </c>
      <c r="B3508" s="10" t="s">
        <v>1893</v>
      </c>
      <c r="C3508" s="12" t="s">
        <v>1850</v>
      </c>
    </row>
    <row r="3509" spans="1:3" ht="15.75">
      <c r="A3509" s="10">
        <v>3507</v>
      </c>
      <c r="B3509" s="10" t="s">
        <v>1894</v>
      </c>
      <c r="C3509" s="12" t="s">
        <v>1850</v>
      </c>
    </row>
    <row r="3510" spans="1:3" ht="15.75">
      <c r="A3510" s="13">
        <v>3508</v>
      </c>
      <c r="B3510" s="10" t="s">
        <v>1895</v>
      </c>
      <c r="C3510" s="12" t="s">
        <v>1850</v>
      </c>
    </row>
    <row r="3511" spans="1:3" ht="15.75">
      <c r="A3511" s="13">
        <v>3509</v>
      </c>
      <c r="B3511" s="10" t="s">
        <v>1896</v>
      </c>
      <c r="C3511" s="12" t="s">
        <v>1850</v>
      </c>
    </row>
    <row r="3512" spans="1:3" ht="15.75">
      <c r="A3512" s="13">
        <v>3510</v>
      </c>
      <c r="B3512" s="15" t="s">
        <v>115</v>
      </c>
      <c r="C3512" s="12" t="s">
        <v>1850</v>
      </c>
    </row>
    <row r="3513" spans="1:3" ht="15.75">
      <c r="A3513" s="10">
        <v>3511</v>
      </c>
      <c r="B3513" s="10" t="s">
        <v>1897</v>
      </c>
      <c r="C3513" s="12" t="s">
        <v>1850</v>
      </c>
    </row>
    <row r="3514" spans="1:3" ht="15.75">
      <c r="A3514" s="13">
        <v>3512</v>
      </c>
      <c r="B3514" s="15" t="s">
        <v>1898</v>
      </c>
      <c r="C3514" s="12" t="s">
        <v>1850</v>
      </c>
    </row>
    <row r="3515" spans="1:3" ht="15.75">
      <c r="A3515" s="13">
        <v>3513</v>
      </c>
      <c r="B3515" s="10" t="s">
        <v>1899</v>
      </c>
      <c r="C3515" s="12" t="s">
        <v>1850</v>
      </c>
    </row>
    <row r="3516" spans="1:3" ht="15.75">
      <c r="A3516" s="13">
        <v>3514</v>
      </c>
      <c r="B3516" s="10" t="s">
        <v>1900</v>
      </c>
      <c r="C3516" s="12" t="s">
        <v>1850</v>
      </c>
    </row>
    <row r="3517" spans="1:3" ht="15.75">
      <c r="A3517" s="10">
        <v>3515</v>
      </c>
      <c r="B3517" s="10" t="s">
        <v>1901</v>
      </c>
      <c r="C3517" s="12" t="s">
        <v>1850</v>
      </c>
    </row>
    <row r="3518" spans="1:3" ht="15.75">
      <c r="A3518" s="13">
        <v>3516</v>
      </c>
      <c r="B3518" s="31" t="s">
        <v>1902</v>
      </c>
      <c r="C3518" s="12" t="s">
        <v>1850</v>
      </c>
    </row>
    <row r="3519" spans="1:3" ht="15.75">
      <c r="A3519" s="13">
        <v>3517</v>
      </c>
      <c r="B3519" s="10" t="s">
        <v>1903</v>
      </c>
      <c r="C3519" s="12" t="s">
        <v>1850</v>
      </c>
    </row>
    <row r="3520" spans="1:3" ht="15.75">
      <c r="A3520" s="13">
        <v>3518</v>
      </c>
      <c r="B3520" s="10" t="s">
        <v>1904</v>
      </c>
      <c r="C3520" s="12" t="s">
        <v>1850</v>
      </c>
    </row>
    <row r="3521" spans="1:3" ht="15.75">
      <c r="A3521" s="10">
        <v>3519</v>
      </c>
      <c r="B3521" s="10" t="s">
        <v>1905</v>
      </c>
      <c r="C3521" s="12" t="s">
        <v>1850</v>
      </c>
    </row>
    <row r="3522" spans="1:3" ht="15.75">
      <c r="A3522" s="13">
        <v>3520</v>
      </c>
      <c r="B3522" s="10" t="s">
        <v>1906</v>
      </c>
      <c r="C3522" s="12" t="s">
        <v>1850</v>
      </c>
    </row>
    <row r="3523" spans="1:3" ht="15.75">
      <c r="A3523" s="13">
        <v>3521</v>
      </c>
      <c r="B3523" s="10" t="s">
        <v>1907</v>
      </c>
      <c r="C3523" s="12" t="s">
        <v>1850</v>
      </c>
    </row>
    <row r="3524" spans="1:3" ht="15.75">
      <c r="A3524" s="13">
        <v>3522</v>
      </c>
      <c r="B3524" s="10" t="s">
        <v>1908</v>
      </c>
      <c r="C3524" s="12" t="s">
        <v>1850</v>
      </c>
    </row>
    <row r="3525" spans="1:3" ht="15.75">
      <c r="A3525" s="10">
        <v>3523</v>
      </c>
      <c r="B3525" s="10" t="s">
        <v>1909</v>
      </c>
      <c r="C3525" s="12" t="s">
        <v>1850</v>
      </c>
    </row>
    <row r="3526" spans="1:3" ht="15.75">
      <c r="A3526" s="13">
        <v>3524</v>
      </c>
      <c r="B3526" s="10" t="s">
        <v>1910</v>
      </c>
      <c r="C3526" s="12" t="s">
        <v>1850</v>
      </c>
    </row>
    <row r="3527" spans="1:3" ht="15.75">
      <c r="A3527" s="13">
        <v>3525</v>
      </c>
      <c r="B3527" s="10" t="s">
        <v>1911</v>
      </c>
      <c r="C3527" s="12" t="s">
        <v>1850</v>
      </c>
    </row>
    <row r="3528" spans="1:3" ht="15.75">
      <c r="A3528" s="13">
        <v>3526</v>
      </c>
      <c r="B3528" s="10" t="s">
        <v>1912</v>
      </c>
      <c r="C3528" s="12" t="s">
        <v>1850</v>
      </c>
    </row>
    <row r="3529" spans="1:3" ht="15.75">
      <c r="A3529" s="10">
        <v>3527</v>
      </c>
      <c r="B3529" s="10" t="s">
        <v>1913</v>
      </c>
      <c r="C3529" s="12" t="s">
        <v>1850</v>
      </c>
    </row>
    <row r="3530" spans="1:3" ht="15.75">
      <c r="A3530" s="13">
        <v>3528</v>
      </c>
      <c r="B3530" s="10" t="s">
        <v>1914</v>
      </c>
      <c r="C3530" s="12" t="s">
        <v>1850</v>
      </c>
    </row>
    <row r="3531" spans="1:3" ht="15.75">
      <c r="A3531" s="13">
        <v>3529</v>
      </c>
      <c r="B3531" s="10" t="s">
        <v>1915</v>
      </c>
      <c r="C3531" s="12" t="s">
        <v>1850</v>
      </c>
    </row>
    <row r="3532" spans="1:3" ht="15.75">
      <c r="A3532" s="13">
        <v>3530</v>
      </c>
      <c r="B3532" s="10" t="s">
        <v>1916</v>
      </c>
      <c r="C3532" s="12" t="s">
        <v>1850</v>
      </c>
    </row>
    <row r="3533" spans="1:3" ht="15.75">
      <c r="A3533" s="10">
        <v>3531</v>
      </c>
      <c r="B3533" s="10" t="s">
        <v>1917</v>
      </c>
      <c r="C3533" s="12" t="s">
        <v>1850</v>
      </c>
    </row>
    <row r="3534" spans="1:3" ht="15.75">
      <c r="A3534" s="13">
        <v>3532</v>
      </c>
      <c r="B3534" s="16" t="s">
        <v>1918</v>
      </c>
      <c r="C3534" s="12" t="s">
        <v>1850</v>
      </c>
    </row>
    <row r="3535" spans="1:3" ht="15.75">
      <c r="A3535" s="13">
        <v>3533</v>
      </c>
      <c r="B3535" s="42" t="s">
        <v>1919</v>
      </c>
      <c r="C3535" s="12" t="s">
        <v>1850</v>
      </c>
    </row>
    <row r="3536" spans="1:3" ht="31.5">
      <c r="A3536" s="13">
        <v>3534</v>
      </c>
      <c r="B3536" s="15" t="s">
        <v>1920</v>
      </c>
      <c r="C3536" s="12" t="s">
        <v>1850</v>
      </c>
    </row>
    <row r="3537" spans="1:3" ht="15.75">
      <c r="A3537" s="10">
        <v>3535</v>
      </c>
      <c r="B3537" s="10" t="s">
        <v>1921</v>
      </c>
      <c r="C3537" s="12" t="s">
        <v>1850</v>
      </c>
    </row>
    <row r="3538" spans="1:3" ht="15.75">
      <c r="A3538" s="13">
        <v>3536</v>
      </c>
      <c r="B3538" s="15" t="s">
        <v>1922</v>
      </c>
      <c r="C3538" s="12" t="s">
        <v>1850</v>
      </c>
    </row>
    <row r="3539" spans="1:3" ht="15.75">
      <c r="A3539" s="13">
        <v>3537</v>
      </c>
      <c r="B3539" s="10" t="s">
        <v>1923</v>
      </c>
      <c r="C3539" s="12" t="s">
        <v>1850</v>
      </c>
    </row>
    <row r="3540" spans="1:3" ht="15.75">
      <c r="A3540" s="13">
        <v>3538</v>
      </c>
      <c r="B3540" s="10" t="s">
        <v>1924</v>
      </c>
      <c r="C3540" s="12" t="s">
        <v>1850</v>
      </c>
    </row>
    <row r="3541" spans="1:3" ht="15.75">
      <c r="A3541" s="10">
        <v>3539</v>
      </c>
      <c r="B3541" s="10" t="s">
        <v>1925</v>
      </c>
      <c r="C3541" s="12" t="s">
        <v>1850</v>
      </c>
    </row>
    <row r="3542" spans="1:3" ht="15.75">
      <c r="A3542" s="13">
        <v>3540</v>
      </c>
      <c r="B3542" s="15" t="s">
        <v>1926</v>
      </c>
      <c r="C3542" s="12" t="s">
        <v>1850</v>
      </c>
    </row>
    <row r="3543" spans="1:3" ht="15.75">
      <c r="A3543" s="13">
        <v>3541</v>
      </c>
      <c r="B3543" s="10" t="s">
        <v>1927</v>
      </c>
      <c r="C3543" s="12" t="s">
        <v>1850</v>
      </c>
    </row>
    <row r="3544" spans="1:3" ht="15.75">
      <c r="A3544" s="13">
        <v>3542</v>
      </c>
      <c r="B3544" s="10" t="s">
        <v>1928</v>
      </c>
      <c r="C3544" s="12" t="s">
        <v>1850</v>
      </c>
    </row>
    <row r="3545" spans="1:3" ht="15.75">
      <c r="A3545" s="10">
        <v>3543</v>
      </c>
      <c r="B3545" s="10" t="s">
        <v>1929</v>
      </c>
      <c r="C3545" s="12" t="s">
        <v>1850</v>
      </c>
    </row>
    <row r="3546" spans="1:3" ht="15.75">
      <c r="A3546" s="13">
        <v>3544</v>
      </c>
      <c r="B3546" s="10" t="s">
        <v>1930</v>
      </c>
      <c r="C3546" s="12" t="s">
        <v>1850</v>
      </c>
    </row>
    <row r="3547" spans="1:3" ht="15.75">
      <c r="A3547" s="13">
        <v>3545</v>
      </c>
      <c r="B3547" s="15" t="s">
        <v>1930</v>
      </c>
      <c r="C3547" s="12" t="s">
        <v>1850</v>
      </c>
    </row>
    <row r="3548" spans="1:3" ht="15.75">
      <c r="A3548" s="13">
        <v>3546</v>
      </c>
      <c r="B3548" s="10" t="s">
        <v>1931</v>
      </c>
      <c r="C3548" s="12" t="s">
        <v>1850</v>
      </c>
    </row>
    <row r="3549" spans="1:3" ht="15.75">
      <c r="A3549" s="10">
        <v>3547</v>
      </c>
      <c r="B3549" s="10" t="s">
        <v>1931</v>
      </c>
      <c r="C3549" s="12" t="s">
        <v>1850</v>
      </c>
    </row>
    <row r="3550" spans="1:3" ht="15.75">
      <c r="A3550" s="13">
        <v>3548</v>
      </c>
      <c r="B3550" s="10" t="s">
        <v>1932</v>
      </c>
      <c r="C3550" s="12" t="s">
        <v>1850</v>
      </c>
    </row>
    <row r="3551" spans="1:3" ht="15.75">
      <c r="A3551" s="13">
        <v>3549</v>
      </c>
      <c r="B3551" s="17" t="s">
        <v>1933</v>
      </c>
      <c r="C3551" s="12" t="s">
        <v>1850</v>
      </c>
    </row>
    <row r="3552" spans="1:3" ht="15.75">
      <c r="A3552" s="13">
        <v>3550</v>
      </c>
      <c r="B3552" s="16" t="s">
        <v>1934</v>
      </c>
      <c r="C3552" s="12" t="s">
        <v>1850</v>
      </c>
    </row>
    <row r="3553" spans="1:3" ht="15.75">
      <c r="A3553" s="10">
        <v>3551</v>
      </c>
      <c r="B3553" s="10" t="s">
        <v>1934</v>
      </c>
      <c r="C3553" s="12" t="s">
        <v>1850</v>
      </c>
    </row>
    <row r="3554" spans="1:3" ht="15.75">
      <c r="A3554" s="13">
        <v>3552</v>
      </c>
      <c r="B3554" s="10" t="s">
        <v>1935</v>
      </c>
      <c r="C3554" s="12" t="s">
        <v>1850</v>
      </c>
    </row>
    <row r="3555" spans="1:3" ht="15.75">
      <c r="A3555" s="13">
        <v>3553</v>
      </c>
      <c r="B3555" s="10" t="s">
        <v>1419</v>
      </c>
      <c r="C3555" s="12" t="s">
        <v>1850</v>
      </c>
    </row>
    <row r="3556" spans="1:3" ht="15.75">
      <c r="A3556" s="13">
        <v>3554</v>
      </c>
      <c r="B3556" s="11" t="s">
        <v>1936</v>
      </c>
      <c r="C3556" s="12" t="s">
        <v>1937</v>
      </c>
    </row>
    <row r="3557" spans="1:3" ht="15.75">
      <c r="A3557" s="10">
        <v>3555</v>
      </c>
      <c r="B3557" s="11" t="s">
        <v>1938</v>
      </c>
      <c r="C3557" s="12" t="s">
        <v>1937</v>
      </c>
    </row>
    <row r="3558" spans="1:3" ht="15.75">
      <c r="A3558" s="13">
        <v>3556</v>
      </c>
      <c r="B3558" s="11" t="s">
        <v>1939</v>
      </c>
      <c r="C3558" s="12" t="s">
        <v>1937</v>
      </c>
    </row>
    <row r="3559" spans="1:3" ht="15.75">
      <c r="A3559" s="13">
        <v>3557</v>
      </c>
      <c r="B3559" s="11" t="s">
        <v>1940</v>
      </c>
      <c r="C3559" s="12" t="s">
        <v>1937</v>
      </c>
    </row>
    <row r="3560" spans="1:3" ht="15.75">
      <c r="A3560" s="13">
        <v>3558</v>
      </c>
      <c r="B3560" s="11" t="s">
        <v>1941</v>
      </c>
      <c r="C3560" s="12" t="s">
        <v>1937</v>
      </c>
    </row>
    <row r="3561" spans="1:3" ht="15.75">
      <c r="A3561" s="10">
        <v>3559</v>
      </c>
      <c r="B3561" s="11" t="s">
        <v>1942</v>
      </c>
      <c r="C3561" s="12" t="s">
        <v>1937</v>
      </c>
    </row>
    <row r="3562" spans="1:3" ht="15.75">
      <c r="A3562" s="13">
        <v>3560</v>
      </c>
      <c r="B3562" s="11" t="s">
        <v>1487</v>
      </c>
      <c r="C3562" s="12" t="s">
        <v>1937</v>
      </c>
    </row>
    <row r="3563" spans="1:3" ht="15.75">
      <c r="A3563" s="13">
        <v>3561</v>
      </c>
      <c r="B3563" s="11" t="s">
        <v>1943</v>
      </c>
      <c r="C3563" s="12" t="s">
        <v>1937</v>
      </c>
    </row>
    <row r="3564" spans="1:3" ht="15.75">
      <c r="A3564" s="13">
        <v>3562</v>
      </c>
      <c r="B3564" s="11" t="s">
        <v>1944</v>
      </c>
      <c r="C3564" s="12" t="s">
        <v>1937</v>
      </c>
    </row>
    <row r="3565" spans="1:3" ht="15.75">
      <c r="A3565" s="10">
        <v>3563</v>
      </c>
      <c r="B3565" s="11" t="s">
        <v>1945</v>
      </c>
      <c r="C3565" s="12" t="s">
        <v>1937</v>
      </c>
    </row>
    <row r="3566" spans="1:3" ht="15.75">
      <c r="A3566" s="13">
        <v>3564</v>
      </c>
      <c r="B3566" s="11" t="s">
        <v>1946</v>
      </c>
      <c r="C3566" s="12" t="s">
        <v>1937</v>
      </c>
    </row>
    <row r="3567" spans="1:3" ht="15.75">
      <c r="A3567" s="13">
        <v>3565</v>
      </c>
      <c r="B3567" s="11" t="s">
        <v>1947</v>
      </c>
      <c r="C3567" s="12" t="s">
        <v>1937</v>
      </c>
    </row>
    <row r="3568" spans="1:3" ht="15.75">
      <c r="A3568" s="13">
        <v>3566</v>
      </c>
      <c r="B3568" s="10" t="s">
        <v>1948</v>
      </c>
      <c r="C3568" s="12" t="s">
        <v>1937</v>
      </c>
    </row>
    <row r="3569" spans="1:3" ht="15.75">
      <c r="A3569" s="10">
        <v>3567</v>
      </c>
      <c r="B3569" s="10" t="s">
        <v>1949</v>
      </c>
      <c r="C3569" s="12" t="s">
        <v>1937</v>
      </c>
    </row>
    <row r="3570" spans="1:3" ht="24">
      <c r="A3570" s="13">
        <v>3568</v>
      </c>
      <c r="B3570" s="11" t="s">
        <v>1950</v>
      </c>
      <c r="C3570" s="12" t="s">
        <v>1951</v>
      </c>
    </row>
    <row r="3571" spans="1:3" ht="15.75">
      <c r="A3571" s="13">
        <v>3569</v>
      </c>
      <c r="B3571" s="18" t="s">
        <v>1952</v>
      </c>
      <c r="C3571" s="12" t="s">
        <v>1937</v>
      </c>
    </row>
    <row r="3572" spans="1:3" ht="15.75">
      <c r="A3572" s="13">
        <v>3570</v>
      </c>
      <c r="B3572" s="17" t="s">
        <v>1953</v>
      </c>
      <c r="C3572" s="12" t="s">
        <v>1937</v>
      </c>
    </row>
    <row r="3573" spans="1:3" ht="15.75">
      <c r="A3573" s="10">
        <v>3571</v>
      </c>
      <c r="B3573" s="20" t="s">
        <v>1954</v>
      </c>
      <c r="C3573" s="12" t="s">
        <v>1937</v>
      </c>
    </row>
    <row r="3574" spans="1:3" ht="15.75">
      <c r="A3574" s="13">
        <v>3572</v>
      </c>
      <c r="B3574" s="10" t="s">
        <v>1955</v>
      </c>
      <c r="C3574" s="12" t="s">
        <v>1937</v>
      </c>
    </row>
    <row r="3575" spans="1:3" ht="15.75">
      <c r="A3575" s="13">
        <v>3573</v>
      </c>
      <c r="B3575" s="10" t="s">
        <v>1956</v>
      </c>
      <c r="C3575" s="12" t="s">
        <v>1937</v>
      </c>
    </row>
    <row r="3576" spans="1:3" ht="15.75">
      <c r="A3576" s="13">
        <v>3574</v>
      </c>
      <c r="B3576" s="17" t="s">
        <v>1957</v>
      </c>
      <c r="C3576" s="12" t="s">
        <v>1937</v>
      </c>
    </row>
    <row r="3577" spans="1:3" ht="15.75">
      <c r="A3577" s="10">
        <v>3575</v>
      </c>
      <c r="B3577" s="15" t="s">
        <v>1958</v>
      </c>
      <c r="C3577" s="12" t="s">
        <v>1937</v>
      </c>
    </row>
    <row r="3578" spans="1:3" ht="15.75">
      <c r="A3578" s="13">
        <v>3576</v>
      </c>
      <c r="B3578" s="10" t="s">
        <v>1959</v>
      </c>
      <c r="C3578" s="12" t="s">
        <v>1937</v>
      </c>
    </row>
    <row r="3579" spans="1:3" ht="15.75">
      <c r="A3579" s="13">
        <v>3577</v>
      </c>
      <c r="B3579" s="10" t="s">
        <v>1960</v>
      </c>
      <c r="C3579" s="12" t="s">
        <v>1937</v>
      </c>
    </row>
    <row r="3580" spans="1:3" ht="15.75">
      <c r="A3580" s="13">
        <v>3578</v>
      </c>
      <c r="B3580" s="10" t="s">
        <v>1961</v>
      </c>
      <c r="C3580" s="12" t="s">
        <v>1937</v>
      </c>
    </row>
    <row r="3581" spans="1:3" ht="15.75">
      <c r="A3581" s="10">
        <v>3579</v>
      </c>
      <c r="B3581" s="10" t="s">
        <v>1962</v>
      </c>
      <c r="C3581" s="12" t="s">
        <v>1937</v>
      </c>
    </row>
    <row r="3582" spans="1:3" ht="15.75">
      <c r="A3582" s="13">
        <v>3580</v>
      </c>
      <c r="B3582" s="25" t="s">
        <v>1963</v>
      </c>
      <c r="C3582" s="12" t="s">
        <v>1937</v>
      </c>
    </row>
    <row r="3583" spans="1:3" ht="15.75">
      <c r="A3583" s="13">
        <v>3581</v>
      </c>
      <c r="B3583" s="26" t="s">
        <v>1964</v>
      </c>
      <c r="C3583" s="12" t="s">
        <v>1937</v>
      </c>
    </row>
    <row r="3584" spans="1:3" ht="15.75">
      <c r="A3584" s="13">
        <v>3582</v>
      </c>
      <c r="B3584" s="26" t="s">
        <v>1965</v>
      </c>
      <c r="C3584" s="12" t="s">
        <v>1937</v>
      </c>
    </row>
    <row r="3585" spans="1:3" ht="15.75">
      <c r="A3585" s="10">
        <v>3583</v>
      </c>
      <c r="B3585" s="30" t="s">
        <v>1966</v>
      </c>
      <c r="C3585" s="12" t="s">
        <v>1937</v>
      </c>
    </row>
    <row r="3586" spans="1:3" ht="15.75">
      <c r="A3586" s="13">
        <v>3584</v>
      </c>
      <c r="B3586" s="10" t="s">
        <v>1967</v>
      </c>
      <c r="C3586" s="12" t="s">
        <v>1937</v>
      </c>
    </row>
    <row r="3587" spans="1:3" ht="15.75">
      <c r="A3587" s="13">
        <v>3585</v>
      </c>
      <c r="B3587" s="10" t="s">
        <v>1968</v>
      </c>
      <c r="C3587" s="12" t="s">
        <v>1937</v>
      </c>
    </row>
    <row r="3588" spans="1:3" ht="15.75">
      <c r="A3588" s="13">
        <v>3586</v>
      </c>
      <c r="B3588" s="10" t="s">
        <v>1969</v>
      </c>
      <c r="C3588" s="12" t="s">
        <v>1937</v>
      </c>
    </row>
    <row r="3589" spans="1:3" ht="15.75">
      <c r="A3589" s="10">
        <v>3587</v>
      </c>
      <c r="B3589" s="25" t="s">
        <v>1970</v>
      </c>
      <c r="C3589" s="12" t="s">
        <v>1937</v>
      </c>
    </row>
    <row r="3590" spans="1:3" ht="15.75">
      <c r="A3590" s="13">
        <v>3588</v>
      </c>
      <c r="B3590" s="26" t="s">
        <v>1971</v>
      </c>
      <c r="C3590" s="12" t="s">
        <v>1937</v>
      </c>
    </row>
    <row r="3591" spans="1:3" ht="15.75">
      <c r="A3591" s="13">
        <v>3589</v>
      </c>
      <c r="B3591" s="26" t="s">
        <v>412</v>
      </c>
      <c r="C3591" s="12" t="s">
        <v>1937</v>
      </c>
    </row>
    <row r="3592" spans="1:3" ht="15.75">
      <c r="A3592" s="13">
        <v>3590</v>
      </c>
      <c r="B3592" s="19" t="s">
        <v>1972</v>
      </c>
      <c r="C3592" s="12" t="s">
        <v>1937</v>
      </c>
    </row>
    <row r="3593" spans="1:3" ht="15.75">
      <c r="A3593" s="10">
        <v>3591</v>
      </c>
      <c r="B3593" s="11" t="s">
        <v>1973</v>
      </c>
      <c r="C3593" s="12" t="s">
        <v>1937</v>
      </c>
    </row>
    <row r="3594" spans="1:3" ht="15.75">
      <c r="A3594" s="13">
        <v>3592</v>
      </c>
      <c r="B3594" s="11" t="s">
        <v>190</v>
      </c>
      <c r="C3594" s="12" t="s">
        <v>1937</v>
      </c>
    </row>
    <row r="3595" spans="1:3" ht="15.75">
      <c r="A3595" s="13">
        <v>3593</v>
      </c>
      <c r="B3595" s="11" t="s">
        <v>1974</v>
      </c>
      <c r="C3595" s="12" t="s">
        <v>1937</v>
      </c>
    </row>
    <row r="3596" spans="1:3" ht="15.75">
      <c r="A3596" s="13">
        <v>3594</v>
      </c>
      <c r="B3596" s="11" t="s">
        <v>1975</v>
      </c>
      <c r="C3596" s="12" t="s">
        <v>1937</v>
      </c>
    </row>
    <row r="3597" spans="1:3" ht="15.75">
      <c r="A3597" s="10">
        <v>3595</v>
      </c>
      <c r="B3597" s="11" t="s">
        <v>1975</v>
      </c>
      <c r="C3597" s="12" t="s">
        <v>1937</v>
      </c>
    </row>
    <row r="3598" spans="1:3" ht="15.75">
      <c r="A3598" s="13">
        <v>3596</v>
      </c>
      <c r="B3598" s="11" t="s">
        <v>1975</v>
      </c>
      <c r="C3598" s="12" t="s">
        <v>1937</v>
      </c>
    </row>
    <row r="3599" spans="1:3" ht="15.75">
      <c r="A3599" s="13">
        <v>3597</v>
      </c>
      <c r="B3599" s="11" t="s">
        <v>1975</v>
      </c>
      <c r="C3599" s="12" t="s">
        <v>1937</v>
      </c>
    </row>
    <row r="3600" spans="1:3" ht="15.75">
      <c r="A3600" s="13">
        <v>3598</v>
      </c>
      <c r="B3600" s="11" t="s">
        <v>125</v>
      </c>
      <c r="C3600" s="12" t="s">
        <v>1937</v>
      </c>
    </row>
    <row r="3601" spans="1:3" ht="15.75">
      <c r="A3601" s="10">
        <v>3599</v>
      </c>
      <c r="B3601" s="11" t="s">
        <v>1447</v>
      </c>
      <c r="C3601" s="12" t="s">
        <v>1937</v>
      </c>
    </row>
    <row r="3602" spans="1:3" ht="15.75">
      <c r="A3602" s="13">
        <v>3600</v>
      </c>
      <c r="B3602" s="11" t="s">
        <v>1494</v>
      </c>
      <c r="C3602" s="12" t="s">
        <v>1937</v>
      </c>
    </row>
    <row r="3603" spans="1:3" ht="15.75">
      <c r="A3603" s="13">
        <v>3601</v>
      </c>
      <c r="B3603" s="11" t="s">
        <v>1825</v>
      </c>
      <c r="C3603" s="12" t="s">
        <v>1937</v>
      </c>
    </row>
    <row r="3604" spans="1:3" ht="15.75">
      <c r="A3604" s="13">
        <v>3602</v>
      </c>
      <c r="B3604" s="11" t="s">
        <v>1829</v>
      </c>
      <c r="C3604" s="12" t="s">
        <v>1937</v>
      </c>
    </row>
    <row r="3605" spans="1:3" ht="15.75">
      <c r="A3605" s="10">
        <v>3603</v>
      </c>
      <c r="B3605" s="11" t="s">
        <v>1977</v>
      </c>
      <c r="C3605" s="12" t="s">
        <v>1937</v>
      </c>
    </row>
    <row r="3606" spans="1:3" ht="15.75">
      <c r="A3606" s="13">
        <v>3604</v>
      </c>
      <c r="B3606" s="11" t="s">
        <v>1499</v>
      </c>
      <c r="C3606" s="12" t="s">
        <v>1937</v>
      </c>
    </row>
    <row r="3607" spans="1:3" ht="15.75">
      <c r="A3607" s="13">
        <v>3605</v>
      </c>
      <c r="B3607" s="11" t="s">
        <v>190</v>
      </c>
      <c r="C3607" s="12" t="s">
        <v>1937</v>
      </c>
    </row>
    <row r="3608" spans="1:3" ht="15.75">
      <c r="A3608" s="13">
        <v>3606</v>
      </c>
      <c r="B3608" s="11" t="s">
        <v>1978</v>
      </c>
      <c r="C3608" s="12" t="s">
        <v>1937</v>
      </c>
    </row>
    <row r="3609" spans="1:3" ht="15.75">
      <c r="A3609" s="10">
        <v>3607</v>
      </c>
      <c r="B3609" s="11" t="s">
        <v>1979</v>
      </c>
      <c r="C3609" s="12" t="s">
        <v>1937</v>
      </c>
    </row>
    <row r="3610" spans="1:3" ht="15.75">
      <c r="A3610" s="13">
        <v>3608</v>
      </c>
      <c r="B3610" s="11" t="s">
        <v>1980</v>
      </c>
      <c r="C3610" s="12" t="s">
        <v>1937</v>
      </c>
    </row>
    <row r="3611" spans="1:3" ht="15.75">
      <c r="A3611" s="13">
        <v>3609</v>
      </c>
      <c r="B3611" s="11" t="s">
        <v>1981</v>
      </c>
      <c r="C3611" s="12" t="s">
        <v>1937</v>
      </c>
    </row>
    <row r="3612" spans="1:3" ht="15.75">
      <c r="A3612" s="13">
        <v>3610</v>
      </c>
      <c r="B3612" s="11" t="s">
        <v>1974</v>
      </c>
      <c r="C3612" s="12" t="s">
        <v>1937</v>
      </c>
    </row>
    <row r="3613" spans="1:3" ht="15.75">
      <c r="A3613" s="10">
        <v>3611</v>
      </c>
      <c r="B3613" s="11" t="s">
        <v>1982</v>
      </c>
      <c r="C3613" s="12" t="s">
        <v>1937</v>
      </c>
    </row>
    <row r="3614" spans="1:3" ht="15.75">
      <c r="A3614" s="13">
        <v>3612</v>
      </c>
      <c r="B3614" s="11" t="s">
        <v>1982</v>
      </c>
      <c r="C3614" s="12" t="s">
        <v>1937</v>
      </c>
    </row>
    <row r="3615" spans="1:3" ht="15.75">
      <c r="A3615" s="13">
        <v>3613</v>
      </c>
      <c r="B3615" s="11" t="s">
        <v>1983</v>
      </c>
      <c r="C3615" s="12" t="s">
        <v>1937</v>
      </c>
    </row>
    <row r="3616" spans="1:3" ht="15.75">
      <c r="A3616" s="13">
        <v>3614</v>
      </c>
      <c r="B3616" s="11" t="s">
        <v>1984</v>
      </c>
      <c r="C3616" s="12" t="s">
        <v>1937</v>
      </c>
    </row>
    <row r="3617" spans="1:3" ht="15.75">
      <c r="A3617" s="10">
        <v>3615</v>
      </c>
      <c r="B3617" s="11" t="s">
        <v>1984</v>
      </c>
      <c r="C3617" s="12" t="s">
        <v>1937</v>
      </c>
    </row>
    <row r="3618" spans="1:3" ht="15.75">
      <c r="A3618" s="13">
        <v>3616</v>
      </c>
      <c r="B3618" s="11" t="s">
        <v>1984</v>
      </c>
      <c r="C3618" s="12" t="s">
        <v>1937</v>
      </c>
    </row>
    <row r="3619" spans="1:3" ht="15.75">
      <c r="A3619" s="13">
        <v>3617</v>
      </c>
      <c r="B3619" s="11" t="s">
        <v>1973</v>
      </c>
      <c r="C3619" s="12" t="s">
        <v>1937</v>
      </c>
    </row>
    <row r="3620" spans="1:3" ht="15.75">
      <c r="A3620" s="13">
        <v>3618</v>
      </c>
      <c r="B3620" s="11" t="s">
        <v>1985</v>
      </c>
      <c r="C3620" s="12" t="s">
        <v>1937</v>
      </c>
    </row>
    <row r="3621" spans="1:3" ht="15.75">
      <c r="A3621" s="10">
        <v>3619</v>
      </c>
      <c r="B3621" s="11" t="s">
        <v>1986</v>
      </c>
      <c r="C3621" s="12" t="s">
        <v>1937</v>
      </c>
    </row>
    <row r="3622" spans="1:3" ht="15.75">
      <c r="A3622" s="13">
        <v>3620</v>
      </c>
      <c r="B3622" s="11" t="s">
        <v>1987</v>
      </c>
      <c r="C3622" s="12" t="s">
        <v>1937</v>
      </c>
    </row>
    <row r="3623" spans="1:3" ht="15.75">
      <c r="A3623" s="13">
        <v>3621</v>
      </c>
      <c r="B3623" s="11" t="s">
        <v>1988</v>
      </c>
      <c r="C3623" s="12" t="s">
        <v>1937</v>
      </c>
    </row>
    <row r="3624" spans="1:3" ht="15.75">
      <c r="A3624" s="13">
        <v>3622</v>
      </c>
      <c r="B3624" s="11" t="s">
        <v>1989</v>
      </c>
      <c r="C3624" s="12" t="s">
        <v>1937</v>
      </c>
    </row>
    <row r="3625" spans="1:3" ht="15.75">
      <c r="A3625" s="10">
        <v>3623</v>
      </c>
      <c r="B3625" s="11" t="s">
        <v>1989</v>
      </c>
      <c r="C3625" s="12" t="s">
        <v>1937</v>
      </c>
    </row>
    <row r="3626" spans="1:3" ht="15.75">
      <c r="A3626" s="13">
        <v>3624</v>
      </c>
      <c r="B3626" s="11" t="s">
        <v>1990</v>
      </c>
      <c r="C3626" s="12" t="s">
        <v>1937</v>
      </c>
    </row>
    <row r="3627" spans="1:3" ht="15.75">
      <c r="A3627" s="13">
        <v>3625</v>
      </c>
      <c r="B3627" s="11" t="s">
        <v>1990</v>
      </c>
      <c r="C3627" s="12" t="s">
        <v>1937</v>
      </c>
    </row>
    <row r="3628" spans="1:3" ht="15.75">
      <c r="A3628" s="13">
        <v>3626</v>
      </c>
      <c r="B3628" s="11" t="s">
        <v>1990</v>
      </c>
      <c r="C3628" s="12" t="s">
        <v>1937</v>
      </c>
    </row>
    <row r="3629" spans="1:3" ht="15.75">
      <c r="A3629" s="10">
        <v>3627</v>
      </c>
      <c r="B3629" s="11" t="s">
        <v>1991</v>
      </c>
      <c r="C3629" s="12" t="s">
        <v>1937</v>
      </c>
    </row>
    <row r="3630" spans="1:3" ht="15.75">
      <c r="A3630" s="13">
        <v>3628</v>
      </c>
      <c r="B3630" s="11" t="s">
        <v>1903</v>
      </c>
      <c r="C3630" s="12" t="s">
        <v>1937</v>
      </c>
    </row>
    <row r="3631" spans="1:3" ht="15.75">
      <c r="A3631" s="13">
        <v>3629</v>
      </c>
      <c r="B3631" s="11" t="s">
        <v>1992</v>
      </c>
      <c r="C3631" s="12" t="s">
        <v>1937</v>
      </c>
    </row>
    <row r="3632" spans="1:3" ht="15.75">
      <c r="A3632" s="13">
        <v>3630</v>
      </c>
      <c r="B3632" s="11" t="s">
        <v>1832</v>
      </c>
      <c r="C3632" s="12" t="s">
        <v>1937</v>
      </c>
    </row>
    <row r="3633" spans="1:3" ht="15.75">
      <c r="A3633" s="10">
        <v>3631</v>
      </c>
      <c r="B3633" s="11" t="s">
        <v>282</v>
      </c>
      <c r="C3633" s="12" t="s">
        <v>1937</v>
      </c>
    </row>
    <row r="3634" spans="1:3" ht="15.75">
      <c r="A3634" s="13">
        <v>3632</v>
      </c>
      <c r="B3634" s="10" t="s">
        <v>1994</v>
      </c>
      <c r="C3634" s="12" t="s">
        <v>1937</v>
      </c>
    </row>
    <row r="3635" spans="1:3" ht="15.75">
      <c r="A3635" s="13">
        <v>3633</v>
      </c>
      <c r="B3635" s="10" t="s">
        <v>939</v>
      </c>
      <c r="C3635" s="12" t="s">
        <v>1937</v>
      </c>
    </row>
    <row r="3636" spans="1:3" ht="15.75">
      <c r="A3636" s="13">
        <v>3634</v>
      </c>
      <c r="B3636" s="10" t="s">
        <v>1995</v>
      </c>
      <c r="C3636" s="12" t="s">
        <v>1937</v>
      </c>
    </row>
    <row r="3637" spans="1:3" ht="15.75">
      <c r="A3637" s="10">
        <v>3635</v>
      </c>
      <c r="B3637" s="10" t="s">
        <v>1996</v>
      </c>
      <c r="C3637" s="12" t="s">
        <v>1937</v>
      </c>
    </row>
    <row r="3638" spans="1:3" ht="15.75">
      <c r="A3638" s="13">
        <v>3636</v>
      </c>
      <c r="B3638" s="10" t="s">
        <v>1997</v>
      </c>
      <c r="C3638" s="12" t="s">
        <v>1937</v>
      </c>
    </row>
    <row r="3639" spans="1:3" ht="15.75">
      <c r="A3639" s="13">
        <v>3637</v>
      </c>
      <c r="B3639" s="10" t="s">
        <v>1998</v>
      </c>
      <c r="C3639" s="12" t="s">
        <v>1937</v>
      </c>
    </row>
    <row r="3640" spans="1:3" ht="15.75">
      <c r="A3640" s="13">
        <v>3638</v>
      </c>
      <c r="B3640" s="10" t="s">
        <v>1999</v>
      </c>
      <c r="C3640" s="12" t="s">
        <v>1937</v>
      </c>
    </row>
    <row r="3641" spans="1:3" ht="15.75">
      <c r="A3641" s="10">
        <v>3639</v>
      </c>
      <c r="B3641" s="10" t="s">
        <v>2000</v>
      </c>
      <c r="C3641" s="12" t="s">
        <v>1937</v>
      </c>
    </row>
    <row r="3642" spans="1:3" ht="15.75">
      <c r="A3642" s="13">
        <v>3640</v>
      </c>
      <c r="B3642" s="10" t="s">
        <v>2001</v>
      </c>
      <c r="C3642" s="12" t="s">
        <v>1937</v>
      </c>
    </row>
    <row r="3643" spans="1:3" ht="15.75">
      <c r="A3643" s="13">
        <v>3641</v>
      </c>
      <c r="B3643" s="10" t="s">
        <v>2002</v>
      </c>
      <c r="C3643" s="12" t="s">
        <v>1937</v>
      </c>
    </row>
    <row r="3644" spans="1:3" ht="15.75">
      <c r="A3644" s="13">
        <v>3642</v>
      </c>
      <c r="B3644" s="10" t="s">
        <v>2003</v>
      </c>
      <c r="C3644" s="12" t="s">
        <v>1937</v>
      </c>
    </row>
    <row r="3645" spans="1:3" ht="15.75">
      <c r="A3645" s="10">
        <v>3643</v>
      </c>
      <c r="B3645" s="15" t="s">
        <v>2004</v>
      </c>
      <c r="C3645" s="12" t="s">
        <v>1937</v>
      </c>
    </row>
    <row r="3646" spans="1:3" ht="15.75">
      <c r="A3646" s="13">
        <v>3644</v>
      </c>
      <c r="B3646" s="10" t="s">
        <v>2005</v>
      </c>
      <c r="C3646" s="12" t="s">
        <v>1937</v>
      </c>
    </row>
    <row r="3647" spans="1:3" ht="15.75">
      <c r="A3647" s="13">
        <v>3645</v>
      </c>
      <c r="B3647" s="10" t="s">
        <v>296</v>
      </c>
      <c r="C3647" s="12" t="s">
        <v>1937</v>
      </c>
    </row>
    <row r="3648" spans="1:3" ht="15.75">
      <c r="A3648" s="13">
        <v>3646</v>
      </c>
      <c r="B3648" s="25" t="s">
        <v>2006</v>
      </c>
      <c r="C3648" s="12" t="s">
        <v>1937</v>
      </c>
    </row>
    <row r="3649" spans="1:3" ht="15.75">
      <c r="A3649" s="10">
        <v>3647</v>
      </c>
      <c r="B3649" s="10" t="s">
        <v>2007</v>
      </c>
      <c r="C3649" s="12" t="s">
        <v>1937</v>
      </c>
    </row>
    <row r="3650" spans="1:3" ht="15.75">
      <c r="A3650" s="13">
        <v>3648</v>
      </c>
      <c r="B3650" s="15" t="s">
        <v>2008</v>
      </c>
      <c r="C3650" s="12" t="s">
        <v>1937</v>
      </c>
    </row>
    <row r="3651" spans="1:3" ht="15.75">
      <c r="A3651" s="13">
        <v>3649</v>
      </c>
      <c r="B3651" s="10" t="s">
        <v>2009</v>
      </c>
      <c r="C3651" s="12" t="s">
        <v>1937</v>
      </c>
    </row>
    <row r="3652" spans="1:3" ht="15.75">
      <c r="A3652" s="13">
        <v>3650</v>
      </c>
      <c r="B3652" s="15" t="s">
        <v>2010</v>
      </c>
      <c r="C3652" s="12" t="s">
        <v>1937</v>
      </c>
    </row>
    <row r="3653" spans="1:3" ht="15.75">
      <c r="A3653" s="10">
        <v>3651</v>
      </c>
      <c r="B3653" s="10" t="s">
        <v>336</v>
      </c>
      <c r="C3653" s="12" t="s">
        <v>1937</v>
      </c>
    </row>
    <row r="3654" spans="1:3" ht="31.5">
      <c r="A3654" s="13">
        <v>3652</v>
      </c>
      <c r="B3654" s="10" t="s">
        <v>2011</v>
      </c>
      <c r="C3654" s="12" t="s">
        <v>1937</v>
      </c>
    </row>
    <row r="3655" spans="1:3" ht="15.75">
      <c r="A3655" s="13">
        <v>3653</v>
      </c>
      <c r="B3655" s="10" t="s">
        <v>2012</v>
      </c>
      <c r="C3655" s="12" t="s">
        <v>1937</v>
      </c>
    </row>
    <row r="3656" spans="1:3" ht="15.75">
      <c r="A3656" s="13">
        <v>3654</v>
      </c>
      <c r="B3656" s="10" t="s">
        <v>2013</v>
      </c>
      <c r="C3656" s="12" t="s">
        <v>1937</v>
      </c>
    </row>
    <row r="3657" spans="1:3" ht="15.75">
      <c r="A3657" s="10">
        <v>3655</v>
      </c>
      <c r="B3657" s="10" t="s">
        <v>2014</v>
      </c>
      <c r="C3657" s="12" t="s">
        <v>1937</v>
      </c>
    </row>
    <row r="3658" spans="1:3" ht="15.75">
      <c r="A3658" s="13">
        <v>3656</v>
      </c>
      <c r="B3658" s="10" t="s">
        <v>2015</v>
      </c>
      <c r="C3658" s="12" t="s">
        <v>1937</v>
      </c>
    </row>
    <row r="3659" spans="1:3" ht="15.75">
      <c r="A3659" s="13">
        <v>3657</v>
      </c>
      <c r="B3659" s="17" t="s">
        <v>2016</v>
      </c>
      <c r="C3659" s="12" t="s">
        <v>1937</v>
      </c>
    </row>
    <row r="3660" spans="1:3" ht="15.75">
      <c r="A3660" s="13">
        <v>3658</v>
      </c>
      <c r="B3660" s="15" t="s">
        <v>2017</v>
      </c>
      <c r="C3660" s="12" t="s">
        <v>1937</v>
      </c>
    </row>
    <row r="3661" spans="1:3" ht="15.75">
      <c r="A3661" s="10">
        <v>3659</v>
      </c>
      <c r="B3661" s="10" t="s">
        <v>2018</v>
      </c>
      <c r="C3661" s="12" t="s">
        <v>1937</v>
      </c>
    </row>
    <row r="3662" spans="1:3" ht="15.75">
      <c r="A3662" s="13">
        <v>3660</v>
      </c>
      <c r="B3662" s="10" t="s">
        <v>2019</v>
      </c>
      <c r="C3662" s="12" t="s">
        <v>1937</v>
      </c>
    </row>
    <row r="3663" spans="1:3" ht="15.75">
      <c r="A3663" s="13">
        <v>3661</v>
      </c>
      <c r="B3663" s="10" t="s">
        <v>2020</v>
      </c>
      <c r="C3663" s="12" t="s">
        <v>1937</v>
      </c>
    </row>
    <row r="3664" spans="1:3" ht="15.75">
      <c r="A3664" s="13">
        <v>3662</v>
      </c>
      <c r="B3664" s="10" t="s">
        <v>2021</v>
      </c>
      <c r="C3664" s="12" t="s">
        <v>1937</v>
      </c>
    </row>
    <row r="3665" spans="1:3" ht="15.75">
      <c r="A3665" s="10">
        <v>3663</v>
      </c>
      <c r="B3665" s="10" t="s">
        <v>2022</v>
      </c>
      <c r="C3665" s="12" t="s">
        <v>1937</v>
      </c>
    </row>
    <row r="3666" spans="1:3" ht="15.75">
      <c r="A3666" s="13">
        <v>3664</v>
      </c>
      <c r="B3666" s="10" t="s">
        <v>2023</v>
      </c>
      <c r="C3666" s="12" t="s">
        <v>1937</v>
      </c>
    </row>
    <row r="3667" spans="1:3" ht="15.75">
      <c r="A3667" s="13">
        <v>3665</v>
      </c>
      <c r="B3667" s="10" t="s">
        <v>2024</v>
      </c>
      <c r="C3667" s="12" t="s">
        <v>1937</v>
      </c>
    </row>
    <row r="3668" spans="1:3" ht="15.75">
      <c r="A3668" s="13">
        <v>3666</v>
      </c>
      <c r="B3668" s="10" t="s">
        <v>2025</v>
      </c>
      <c r="C3668" s="12" t="s">
        <v>1937</v>
      </c>
    </row>
    <row r="3669" spans="1:3" ht="15.75">
      <c r="A3669" s="10">
        <v>3667</v>
      </c>
      <c r="B3669" s="10" t="s">
        <v>2026</v>
      </c>
      <c r="C3669" s="12" t="s">
        <v>1937</v>
      </c>
    </row>
    <row r="3670" spans="1:3" ht="15.75">
      <c r="A3670" s="13">
        <v>3668</v>
      </c>
      <c r="B3670" s="10" t="s">
        <v>2027</v>
      </c>
      <c r="C3670" s="12" t="s">
        <v>1937</v>
      </c>
    </row>
    <row r="3671" spans="1:3" ht="15.75">
      <c r="A3671" s="13">
        <v>3669</v>
      </c>
      <c r="B3671" s="10" t="s">
        <v>2028</v>
      </c>
      <c r="C3671" s="12" t="s">
        <v>1937</v>
      </c>
    </row>
    <row r="3672" spans="1:3" ht="15.75">
      <c r="A3672" s="13">
        <v>3670</v>
      </c>
      <c r="B3672" s="10" t="s">
        <v>2029</v>
      </c>
      <c r="C3672" s="12" t="s">
        <v>1937</v>
      </c>
    </row>
    <row r="3673" spans="1:3" ht="15.75">
      <c r="A3673" s="10">
        <v>3671</v>
      </c>
      <c r="B3673" s="10" t="s">
        <v>2030</v>
      </c>
      <c r="C3673" s="12" t="s">
        <v>1937</v>
      </c>
    </row>
    <row r="3674" spans="1:3" ht="15.75">
      <c r="A3674" s="13">
        <v>3672</v>
      </c>
      <c r="B3674" s="10" t="s">
        <v>1497</v>
      </c>
      <c r="C3674" s="12" t="s">
        <v>1937</v>
      </c>
    </row>
    <row r="3675" spans="1:3" ht="15.75">
      <c r="A3675" s="13">
        <v>3673</v>
      </c>
      <c r="B3675" s="10" t="s">
        <v>1451</v>
      </c>
      <c r="C3675" s="12" t="s">
        <v>1937</v>
      </c>
    </row>
    <row r="3676" spans="1:3" ht="15.75">
      <c r="A3676" s="13">
        <v>3674</v>
      </c>
      <c r="B3676" s="10" t="s">
        <v>1777</v>
      </c>
      <c r="C3676" s="12" t="s">
        <v>1937</v>
      </c>
    </row>
    <row r="3677" spans="1:3" ht="15.75">
      <c r="A3677" s="10">
        <v>3675</v>
      </c>
      <c r="B3677" s="10" t="s">
        <v>2031</v>
      </c>
      <c r="C3677" s="12" t="s">
        <v>1937</v>
      </c>
    </row>
    <row r="3678" spans="1:3" ht="15.75">
      <c r="A3678" s="13">
        <v>3676</v>
      </c>
      <c r="B3678" s="10" t="s">
        <v>2032</v>
      </c>
      <c r="C3678" s="12" t="s">
        <v>1937</v>
      </c>
    </row>
    <row r="3679" spans="1:3" ht="15.75">
      <c r="A3679" s="13">
        <v>3677</v>
      </c>
      <c r="B3679" s="10" t="s">
        <v>2033</v>
      </c>
      <c r="C3679" s="12" t="s">
        <v>1937</v>
      </c>
    </row>
    <row r="3680" spans="1:3" ht="15.75">
      <c r="A3680" s="13">
        <v>3678</v>
      </c>
      <c r="B3680" s="10" t="s">
        <v>270</v>
      </c>
      <c r="C3680" s="12" t="s">
        <v>1937</v>
      </c>
    </row>
    <row r="3681" spans="1:3" ht="15.75">
      <c r="A3681" s="10">
        <v>3679</v>
      </c>
      <c r="B3681" s="10" t="s">
        <v>1447</v>
      </c>
      <c r="C3681" s="12" t="s">
        <v>1937</v>
      </c>
    </row>
    <row r="3682" spans="1:3" ht="15.75">
      <c r="A3682" s="13">
        <v>3680</v>
      </c>
      <c r="B3682" s="25" t="s">
        <v>2034</v>
      </c>
      <c r="C3682" s="12" t="s">
        <v>1937</v>
      </c>
    </row>
    <row r="3683" spans="1:3" ht="15.75">
      <c r="A3683" s="13">
        <v>3681</v>
      </c>
      <c r="B3683" s="10" t="s">
        <v>2035</v>
      </c>
      <c r="C3683" s="12" t="s">
        <v>1937</v>
      </c>
    </row>
    <row r="3684" spans="1:3" ht="15.75">
      <c r="A3684" s="13">
        <v>3682</v>
      </c>
      <c r="B3684" s="10" t="s">
        <v>2036</v>
      </c>
      <c r="C3684" s="12" t="s">
        <v>1937</v>
      </c>
    </row>
    <row r="3685" spans="1:3" ht="15.75">
      <c r="A3685" s="10">
        <v>3683</v>
      </c>
      <c r="B3685" s="10" t="s">
        <v>2037</v>
      </c>
      <c r="C3685" s="12" t="s">
        <v>1937</v>
      </c>
    </row>
    <row r="3686" spans="1:3" ht="15.75">
      <c r="A3686" s="13">
        <v>3684</v>
      </c>
      <c r="B3686" s="10" t="s">
        <v>2038</v>
      </c>
      <c r="C3686" s="12" t="s">
        <v>1937</v>
      </c>
    </row>
    <row r="3687" spans="1:3" ht="15.75">
      <c r="A3687" s="13">
        <v>3685</v>
      </c>
      <c r="B3687" s="10" t="s">
        <v>2039</v>
      </c>
      <c r="C3687" s="12" t="s">
        <v>1937</v>
      </c>
    </row>
    <row r="3688" spans="1:3" ht="15.75">
      <c r="A3688" s="13">
        <v>3686</v>
      </c>
      <c r="B3688" s="10" t="s">
        <v>1897</v>
      </c>
      <c r="C3688" s="12" t="s">
        <v>1937</v>
      </c>
    </row>
    <row r="3689" spans="1:3" ht="15.75">
      <c r="A3689" s="10">
        <v>3687</v>
      </c>
      <c r="B3689" s="10" t="s">
        <v>2040</v>
      </c>
      <c r="C3689" s="12" t="s">
        <v>1937</v>
      </c>
    </row>
    <row r="3690" spans="1:3" ht="15.75">
      <c r="A3690" s="13">
        <v>3688</v>
      </c>
      <c r="B3690" s="10" t="s">
        <v>2041</v>
      </c>
      <c r="C3690" s="12" t="s">
        <v>1937</v>
      </c>
    </row>
    <row r="3691" spans="1:3" ht="15.75">
      <c r="A3691" s="13">
        <v>3689</v>
      </c>
      <c r="B3691" s="15" t="s">
        <v>2042</v>
      </c>
      <c r="C3691" s="12" t="s">
        <v>1937</v>
      </c>
    </row>
    <row r="3692" spans="1:3" ht="15.75">
      <c r="A3692" s="13">
        <v>3690</v>
      </c>
      <c r="B3692" s="10" t="s">
        <v>1538</v>
      </c>
      <c r="C3692" s="12" t="s">
        <v>1937</v>
      </c>
    </row>
    <row r="3693" spans="1:3" ht="15.75">
      <c r="A3693" s="10">
        <v>3691</v>
      </c>
      <c r="B3693" s="10" t="s">
        <v>2012</v>
      </c>
      <c r="C3693" s="12" t="s">
        <v>1937</v>
      </c>
    </row>
    <row r="3694" spans="1:3" ht="15.75">
      <c r="A3694" s="13">
        <v>3692</v>
      </c>
      <c r="B3694" s="10" t="s">
        <v>2043</v>
      </c>
      <c r="C3694" s="12" t="s">
        <v>1937</v>
      </c>
    </row>
    <row r="3695" spans="1:3" ht="15.75">
      <c r="A3695" s="13">
        <v>3693</v>
      </c>
      <c r="B3695" s="15" t="s">
        <v>2044</v>
      </c>
      <c r="C3695" s="12" t="s">
        <v>1937</v>
      </c>
    </row>
    <row r="3696" spans="1:3" ht="15.75">
      <c r="A3696" s="13">
        <v>3694</v>
      </c>
      <c r="B3696" s="10" t="s">
        <v>2045</v>
      </c>
      <c r="C3696" s="12" t="s">
        <v>1937</v>
      </c>
    </row>
    <row r="3697" spans="1:3" ht="15.75">
      <c r="A3697" s="10">
        <v>3695</v>
      </c>
      <c r="B3697" s="10" t="s">
        <v>2046</v>
      </c>
      <c r="C3697" s="12" t="s">
        <v>1937</v>
      </c>
    </row>
    <row r="3698" spans="1:3" ht="15.75">
      <c r="A3698" s="13">
        <v>3696</v>
      </c>
      <c r="B3698" s="15" t="s">
        <v>2047</v>
      </c>
      <c r="C3698" s="12" t="s">
        <v>1937</v>
      </c>
    </row>
    <row r="3699" spans="1:3" ht="15.75">
      <c r="A3699" s="13">
        <v>3697</v>
      </c>
      <c r="B3699" s="10" t="s">
        <v>2048</v>
      </c>
      <c r="C3699" s="12" t="s">
        <v>1937</v>
      </c>
    </row>
    <row r="3700" spans="1:3" ht="15.75">
      <c r="A3700" s="13">
        <v>3698</v>
      </c>
      <c r="B3700" s="15" t="s">
        <v>2049</v>
      </c>
      <c r="C3700" s="12" t="s">
        <v>1937</v>
      </c>
    </row>
    <row r="3701" spans="1:3" ht="15.75">
      <c r="A3701" s="10">
        <v>3699</v>
      </c>
      <c r="B3701" s="10" t="s">
        <v>2050</v>
      </c>
      <c r="C3701" s="12" t="s">
        <v>1937</v>
      </c>
    </row>
    <row r="3702" spans="1:3" ht="15.75">
      <c r="A3702" s="13">
        <v>3700</v>
      </c>
      <c r="B3702" s="10" t="s">
        <v>2051</v>
      </c>
      <c r="C3702" s="12" t="s">
        <v>1937</v>
      </c>
    </row>
    <row r="3703" spans="1:3" ht="15.75">
      <c r="A3703" s="13">
        <v>3701</v>
      </c>
      <c r="B3703" s="10" t="s">
        <v>2052</v>
      </c>
      <c r="C3703" s="12" t="s">
        <v>1937</v>
      </c>
    </row>
    <row r="3704" spans="1:3" ht="15.75">
      <c r="A3704" s="13">
        <v>3702</v>
      </c>
      <c r="B3704" s="10" t="s">
        <v>2053</v>
      </c>
      <c r="C3704" s="12" t="s">
        <v>1937</v>
      </c>
    </row>
    <row r="3705" spans="1:3" ht="15.75">
      <c r="A3705" s="10">
        <v>3703</v>
      </c>
      <c r="B3705" s="14" t="s">
        <v>2054</v>
      </c>
      <c r="C3705" s="12" t="s">
        <v>1937</v>
      </c>
    </row>
    <row r="3706" spans="1:3" ht="15.75">
      <c r="A3706" s="13">
        <v>3704</v>
      </c>
      <c r="B3706" s="33" t="s">
        <v>2055</v>
      </c>
      <c r="C3706" s="12" t="s">
        <v>1937</v>
      </c>
    </row>
    <row r="3707" spans="1:3" ht="15.75">
      <c r="A3707" s="13">
        <v>3705</v>
      </c>
      <c r="B3707" s="19" t="s">
        <v>2056</v>
      </c>
      <c r="C3707" s="12" t="s">
        <v>1937</v>
      </c>
    </row>
    <row r="3708" spans="1:3" ht="15.75">
      <c r="A3708" s="13">
        <v>3706</v>
      </c>
      <c r="B3708" s="11" t="s">
        <v>1464</v>
      </c>
      <c r="C3708" s="12" t="s">
        <v>1937</v>
      </c>
    </row>
    <row r="3709" spans="1:3" ht="15.75">
      <c r="A3709" s="10">
        <v>3707</v>
      </c>
      <c r="B3709" s="11" t="s">
        <v>2057</v>
      </c>
      <c r="C3709" s="12" t="s">
        <v>1937</v>
      </c>
    </row>
    <row r="3710" spans="1:3" ht="15.75">
      <c r="A3710" s="13">
        <v>3708</v>
      </c>
      <c r="B3710" s="11" t="s">
        <v>2058</v>
      </c>
      <c r="C3710" s="12" t="s">
        <v>1937</v>
      </c>
    </row>
    <row r="3711" spans="1:3" ht="15.75">
      <c r="A3711" s="13">
        <v>3709</v>
      </c>
      <c r="B3711" s="11" t="s">
        <v>2059</v>
      </c>
      <c r="C3711" s="12" t="s">
        <v>1937</v>
      </c>
    </row>
    <row r="3712" spans="1:3" ht="15.75">
      <c r="A3712" s="13">
        <v>3710</v>
      </c>
      <c r="B3712" s="10" t="s">
        <v>1419</v>
      </c>
      <c r="C3712" s="12" t="s">
        <v>1937</v>
      </c>
    </row>
    <row r="3713" spans="1:3" ht="24">
      <c r="A3713" s="10">
        <v>3711</v>
      </c>
      <c r="B3713" s="11" t="s">
        <v>2060</v>
      </c>
      <c r="C3713" s="12" t="s">
        <v>2061</v>
      </c>
    </row>
    <row r="3714" spans="1:3" ht="24">
      <c r="A3714" s="13">
        <v>3712</v>
      </c>
      <c r="B3714" s="11" t="s">
        <v>2062</v>
      </c>
      <c r="C3714" s="12" t="s">
        <v>2061</v>
      </c>
    </row>
    <row r="3715" spans="1:3" ht="24">
      <c r="A3715" s="13">
        <v>3713</v>
      </c>
      <c r="B3715" s="11" t="s">
        <v>2063</v>
      </c>
      <c r="C3715" s="12" t="s">
        <v>2061</v>
      </c>
    </row>
    <row r="3716" spans="1:3" ht="24">
      <c r="A3716" s="13">
        <v>3714</v>
      </c>
      <c r="B3716" s="11" t="s">
        <v>2064</v>
      </c>
      <c r="C3716" s="12" t="s">
        <v>2061</v>
      </c>
    </row>
    <row r="3717" spans="1:3" ht="24">
      <c r="A3717" s="10">
        <v>3715</v>
      </c>
      <c r="B3717" s="11" t="s">
        <v>2065</v>
      </c>
      <c r="C3717" s="12" t="s">
        <v>2061</v>
      </c>
    </row>
    <row r="3718" spans="1:3" ht="24">
      <c r="A3718" s="13">
        <v>3716</v>
      </c>
      <c r="B3718" s="11" t="s">
        <v>2066</v>
      </c>
      <c r="C3718" s="12" t="s">
        <v>2061</v>
      </c>
    </row>
    <row r="3719" spans="1:3" ht="24">
      <c r="A3719" s="13">
        <v>3717</v>
      </c>
      <c r="B3719" s="11" t="s">
        <v>2067</v>
      </c>
      <c r="C3719" s="12" t="s">
        <v>2061</v>
      </c>
    </row>
    <row r="3720" spans="1:3" ht="24">
      <c r="A3720" s="13">
        <v>3718</v>
      </c>
      <c r="B3720" s="11" t="s">
        <v>2068</v>
      </c>
      <c r="C3720" s="12" t="s">
        <v>2061</v>
      </c>
    </row>
    <row r="3721" spans="1:3" ht="24">
      <c r="A3721" s="10">
        <v>3719</v>
      </c>
      <c r="B3721" s="11" t="s">
        <v>2069</v>
      </c>
      <c r="C3721" s="12" t="s">
        <v>2061</v>
      </c>
    </row>
    <row r="3722" spans="1:3" ht="24">
      <c r="A3722" s="13">
        <v>3720</v>
      </c>
      <c r="B3722" s="11" t="s">
        <v>2070</v>
      </c>
      <c r="C3722" s="12" t="s">
        <v>2061</v>
      </c>
    </row>
    <row r="3723" spans="1:3" ht="31.5">
      <c r="A3723" s="13">
        <v>3721</v>
      </c>
      <c r="B3723" s="11" t="s">
        <v>2071</v>
      </c>
      <c r="C3723" s="12" t="s">
        <v>2061</v>
      </c>
    </row>
    <row r="3724" spans="1:3" ht="24">
      <c r="A3724" s="13">
        <v>3722</v>
      </c>
      <c r="B3724" s="11" t="s">
        <v>2072</v>
      </c>
      <c r="C3724" s="12" t="s">
        <v>2061</v>
      </c>
    </row>
    <row r="3725" spans="1:3" ht="24">
      <c r="A3725" s="10">
        <v>3723</v>
      </c>
      <c r="B3725" s="11" t="s">
        <v>2072</v>
      </c>
      <c r="C3725" s="12" t="s">
        <v>2061</v>
      </c>
    </row>
    <row r="3726" spans="1:3" ht="24">
      <c r="A3726" s="13">
        <v>3724</v>
      </c>
      <c r="B3726" s="11" t="s">
        <v>2072</v>
      </c>
      <c r="C3726" s="12" t="s">
        <v>2061</v>
      </c>
    </row>
    <row r="3727" spans="1:3" ht="24">
      <c r="A3727" s="13">
        <v>3725</v>
      </c>
      <c r="B3727" s="11" t="s">
        <v>2072</v>
      </c>
      <c r="C3727" s="12" t="s">
        <v>2061</v>
      </c>
    </row>
    <row r="3728" spans="1:3" ht="24">
      <c r="A3728" s="13">
        <v>3726</v>
      </c>
      <c r="B3728" s="11" t="s">
        <v>2072</v>
      </c>
      <c r="C3728" s="12" t="s">
        <v>2061</v>
      </c>
    </row>
    <row r="3729" spans="1:3" ht="24">
      <c r="A3729" s="10">
        <v>3727</v>
      </c>
      <c r="B3729" s="11" t="s">
        <v>2072</v>
      </c>
      <c r="C3729" s="12" t="s">
        <v>2061</v>
      </c>
    </row>
    <row r="3730" spans="1:3" ht="24">
      <c r="A3730" s="13">
        <v>3728</v>
      </c>
      <c r="B3730" s="11" t="s">
        <v>2072</v>
      </c>
      <c r="C3730" s="12" t="s">
        <v>2061</v>
      </c>
    </row>
    <row r="3731" spans="1:3" ht="24">
      <c r="A3731" s="13">
        <v>3729</v>
      </c>
      <c r="B3731" s="11" t="s">
        <v>2073</v>
      </c>
      <c r="C3731" s="12" t="s">
        <v>2061</v>
      </c>
    </row>
    <row r="3732" spans="1:3" ht="24">
      <c r="A3732" s="13">
        <v>3730</v>
      </c>
      <c r="B3732" s="11" t="s">
        <v>12</v>
      </c>
      <c r="C3732" s="12" t="s">
        <v>2061</v>
      </c>
    </row>
    <row r="3733" spans="1:3" ht="24">
      <c r="A3733" s="10">
        <v>3731</v>
      </c>
      <c r="B3733" s="11" t="s">
        <v>711</v>
      </c>
      <c r="C3733" s="12" t="s">
        <v>2061</v>
      </c>
    </row>
    <row r="3734" spans="1:3" ht="24">
      <c r="A3734" s="13">
        <v>3732</v>
      </c>
      <c r="B3734" s="11" t="s">
        <v>2074</v>
      </c>
      <c r="C3734" s="12" t="s">
        <v>2061</v>
      </c>
    </row>
    <row r="3735" spans="1:3" ht="24">
      <c r="A3735" s="13">
        <v>3733</v>
      </c>
      <c r="B3735" s="11" t="s">
        <v>2075</v>
      </c>
      <c r="C3735" s="12" t="s">
        <v>2061</v>
      </c>
    </row>
    <row r="3736" spans="1:3" ht="24">
      <c r="A3736" s="13">
        <v>3734</v>
      </c>
      <c r="B3736" s="11" t="s">
        <v>2076</v>
      </c>
      <c r="C3736" s="12" t="s">
        <v>2061</v>
      </c>
    </row>
    <row r="3737" spans="1:3" ht="24">
      <c r="A3737" s="10">
        <v>3735</v>
      </c>
      <c r="B3737" s="11" t="s">
        <v>2076</v>
      </c>
      <c r="C3737" s="12" t="s">
        <v>2061</v>
      </c>
    </row>
    <row r="3738" spans="1:3" ht="24">
      <c r="A3738" s="13">
        <v>3736</v>
      </c>
      <c r="B3738" s="11" t="s">
        <v>2077</v>
      </c>
      <c r="C3738" s="12" t="s">
        <v>2061</v>
      </c>
    </row>
    <row r="3739" spans="1:3" ht="24">
      <c r="A3739" s="13">
        <v>3737</v>
      </c>
      <c r="B3739" s="11" t="s">
        <v>2078</v>
      </c>
      <c r="C3739" s="12" t="s">
        <v>2061</v>
      </c>
    </row>
    <row r="3740" spans="1:3" ht="24">
      <c r="A3740" s="13">
        <v>3738</v>
      </c>
      <c r="B3740" s="11" t="s">
        <v>2079</v>
      </c>
      <c r="C3740" s="12" t="s">
        <v>2061</v>
      </c>
    </row>
    <row r="3741" spans="1:3" ht="24">
      <c r="A3741" s="10">
        <v>3739</v>
      </c>
      <c r="B3741" s="11" t="s">
        <v>2080</v>
      </c>
      <c r="C3741" s="12" t="s">
        <v>2061</v>
      </c>
    </row>
    <row r="3742" spans="1:3" ht="24">
      <c r="A3742" s="13">
        <v>3740</v>
      </c>
      <c r="B3742" s="11" t="s">
        <v>1365</v>
      </c>
      <c r="C3742" s="12" t="s">
        <v>2061</v>
      </c>
    </row>
    <row r="3743" spans="1:3" ht="24">
      <c r="A3743" s="13">
        <v>3741</v>
      </c>
      <c r="B3743" s="11" t="s">
        <v>1976</v>
      </c>
      <c r="C3743" s="12" t="s">
        <v>2061</v>
      </c>
    </row>
    <row r="3744" spans="1:3" ht="24">
      <c r="A3744" s="13">
        <v>3742</v>
      </c>
      <c r="B3744" s="11" t="s">
        <v>1976</v>
      </c>
      <c r="C3744" s="12" t="s">
        <v>2061</v>
      </c>
    </row>
    <row r="3745" spans="1:3" ht="24">
      <c r="A3745" s="10">
        <v>3743</v>
      </c>
      <c r="B3745" s="11" t="s">
        <v>2081</v>
      </c>
      <c r="C3745" s="12" t="s">
        <v>2061</v>
      </c>
    </row>
    <row r="3746" spans="1:3" ht="24">
      <c r="A3746" s="13">
        <v>3744</v>
      </c>
      <c r="B3746" s="11" t="s">
        <v>1377</v>
      </c>
      <c r="C3746" s="12" t="s">
        <v>2061</v>
      </c>
    </row>
    <row r="3747" spans="1:3" ht="24">
      <c r="A3747" s="13">
        <v>3745</v>
      </c>
      <c r="B3747" s="11" t="s">
        <v>2082</v>
      </c>
      <c r="C3747" s="12" t="s">
        <v>2061</v>
      </c>
    </row>
    <row r="3748" spans="1:3" ht="24">
      <c r="A3748" s="13">
        <v>3746</v>
      </c>
      <c r="B3748" s="11" t="s">
        <v>416</v>
      </c>
      <c r="C3748" s="12" t="s">
        <v>2061</v>
      </c>
    </row>
    <row r="3749" spans="1:3" ht="24">
      <c r="A3749" s="10">
        <v>3747</v>
      </c>
      <c r="B3749" s="11" t="s">
        <v>2083</v>
      </c>
      <c r="C3749" s="12" t="s">
        <v>2061</v>
      </c>
    </row>
    <row r="3750" spans="1:3" ht="24">
      <c r="A3750" s="13">
        <v>3748</v>
      </c>
      <c r="B3750" s="11" t="s">
        <v>2084</v>
      </c>
      <c r="C3750" s="12" t="s">
        <v>2061</v>
      </c>
    </row>
    <row r="3751" spans="1:3" ht="24">
      <c r="A3751" s="13">
        <v>3749</v>
      </c>
      <c r="B3751" s="11" t="s">
        <v>2085</v>
      </c>
      <c r="C3751" s="12" t="s">
        <v>2061</v>
      </c>
    </row>
    <row r="3752" spans="1:3" ht="24">
      <c r="A3752" s="13">
        <v>3750</v>
      </c>
      <c r="B3752" s="11" t="s">
        <v>2086</v>
      </c>
      <c r="C3752" s="12" t="s">
        <v>2061</v>
      </c>
    </row>
    <row r="3753" spans="1:3" ht="24">
      <c r="A3753" s="10">
        <v>3751</v>
      </c>
      <c r="B3753" s="11" t="s">
        <v>2087</v>
      </c>
      <c r="C3753" s="12" t="s">
        <v>2061</v>
      </c>
    </row>
    <row r="3754" spans="1:3" ht="24">
      <c r="A3754" s="13">
        <v>3752</v>
      </c>
      <c r="B3754" s="11" t="s">
        <v>2088</v>
      </c>
      <c r="C3754" s="12" t="s">
        <v>2061</v>
      </c>
    </row>
    <row r="3755" spans="1:3" ht="24">
      <c r="A3755" s="13">
        <v>3753</v>
      </c>
      <c r="B3755" s="11" t="s">
        <v>2089</v>
      </c>
      <c r="C3755" s="12" t="s">
        <v>2061</v>
      </c>
    </row>
    <row r="3756" spans="1:3" ht="24">
      <c r="A3756" s="13">
        <v>3754</v>
      </c>
      <c r="B3756" s="11" t="s">
        <v>2090</v>
      </c>
      <c r="C3756" s="12" t="s">
        <v>2061</v>
      </c>
    </row>
    <row r="3757" spans="1:3" ht="24">
      <c r="A3757" s="10">
        <v>3755</v>
      </c>
      <c r="B3757" s="11" t="s">
        <v>2091</v>
      </c>
      <c r="C3757" s="12" t="s">
        <v>2061</v>
      </c>
    </row>
    <row r="3758" spans="1:3" ht="24">
      <c r="A3758" s="13">
        <v>3756</v>
      </c>
      <c r="B3758" s="11" t="s">
        <v>2091</v>
      </c>
      <c r="C3758" s="12" t="s">
        <v>2061</v>
      </c>
    </row>
    <row r="3759" spans="1:3" ht="24">
      <c r="A3759" s="13">
        <v>3757</v>
      </c>
      <c r="B3759" s="11" t="s">
        <v>2092</v>
      </c>
      <c r="C3759" s="12" t="s">
        <v>2061</v>
      </c>
    </row>
    <row r="3760" spans="1:3" ht="24">
      <c r="A3760" s="13">
        <v>3758</v>
      </c>
      <c r="B3760" s="11" t="s">
        <v>2093</v>
      </c>
      <c r="C3760" s="12" t="s">
        <v>2061</v>
      </c>
    </row>
    <row r="3761" spans="1:3" ht="24">
      <c r="A3761" s="10">
        <v>3759</v>
      </c>
      <c r="B3761" s="11" t="s">
        <v>2094</v>
      </c>
      <c r="C3761" s="12" t="s">
        <v>2061</v>
      </c>
    </row>
    <row r="3762" spans="1:3" ht="24">
      <c r="A3762" s="13">
        <v>3760</v>
      </c>
      <c r="B3762" s="11" t="s">
        <v>2095</v>
      </c>
      <c r="C3762" s="12" t="s">
        <v>2061</v>
      </c>
    </row>
    <row r="3763" spans="1:3" ht="24">
      <c r="A3763" s="13">
        <v>3761</v>
      </c>
      <c r="B3763" s="11" t="s">
        <v>1485</v>
      </c>
      <c r="C3763" s="12" t="s">
        <v>2061</v>
      </c>
    </row>
    <row r="3764" spans="1:3" ht="24">
      <c r="A3764" s="13">
        <v>3762</v>
      </c>
      <c r="B3764" s="11" t="s">
        <v>2096</v>
      </c>
      <c r="C3764" s="12" t="s">
        <v>2061</v>
      </c>
    </row>
    <row r="3765" spans="1:3" ht="24">
      <c r="A3765" s="10">
        <v>3763</v>
      </c>
      <c r="B3765" s="11" t="s">
        <v>2097</v>
      </c>
      <c r="C3765" s="12" t="s">
        <v>2061</v>
      </c>
    </row>
    <row r="3766" spans="1:3" ht="24">
      <c r="A3766" s="13">
        <v>3764</v>
      </c>
      <c r="B3766" s="11" t="s">
        <v>2098</v>
      </c>
      <c r="C3766" s="12" t="s">
        <v>2061</v>
      </c>
    </row>
    <row r="3767" spans="1:3" ht="24">
      <c r="A3767" s="13">
        <v>3765</v>
      </c>
      <c r="B3767" s="11" t="s">
        <v>2099</v>
      </c>
      <c r="C3767" s="12" t="s">
        <v>2061</v>
      </c>
    </row>
    <row r="3768" spans="1:3" ht="24">
      <c r="A3768" s="13">
        <v>3766</v>
      </c>
      <c r="B3768" s="11" t="s">
        <v>1801</v>
      </c>
      <c r="C3768" s="12" t="s">
        <v>2061</v>
      </c>
    </row>
    <row r="3769" spans="1:3" ht="24">
      <c r="A3769" s="10">
        <v>3767</v>
      </c>
      <c r="B3769" s="11" t="s">
        <v>1801</v>
      </c>
      <c r="C3769" s="12" t="s">
        <v>2061</v>
      </c>
    </row>
    <row r="3770" spans="1:3" ht="24">
      <c r="A3770" s="13">
        <v>3768</v>
      </c>
      <c r="B3770" s="18" t="s">
        <v>2100</v>
      </c>
      <c r="C3770" s="12" t="s">
        <v>2061</v>
      </c>
    </row>
    <row r="3771" spans="1:3" ht="24">
      <c r="A3771" s="13">
        <v>3769</v>
      </c>
      <c r="B3771" s="10" t="s">
        <v>2101</v>
      </c>
      <c r="C3771" s="12" t="s">
        <v>2061</v>
      </c>
    </row>
    <row r="3772" spans="1:3" ht="24">
      <c r="A3772" s="13">
        <v>3770</v>
      </c>
      <c r="B3772" s="10" t="s">
        <v>2102</v>
      </c>
      <c r="C3772" s="12" t="s">
        <v>2061</v>
      </c>
    </row>
    <row r="3773" spans="1:3" ht="31.5">
      <c r="A3773" s="10">
        <v>3771</v>
      </c>
      <c r="B3773" s="10" t="s">
        <v>2103</v>
      </c>
      <c r="C3773" s="12" t="s">
        <v>2061</v>
      </c>
    </row>
    <row r="3774" spans="1:3" ht="31.5">
      <c r="A3774" s="13">
        <v>3772</v>
      </c>
      <c r="B3774" s="19" t="s">
        <v>2104</v>
      </c>
      <c r="C3774" s="12" t="s">
        <v>2061</v>
      </c>
    </row>
    <row r="3775" spans="1:3" ht="24">
      <c r="A3775" s="13">
        <v>3773</v>
      </c>
      <c r="B3775" s="11" t="s">
        <v>2105</v>
      </c>
      <c r="C3775" s="12" t="s">
        <v>2061</v>
      </c>
    </row>
    <row r="3776" spans="1:3" ht="24">
      <c r="A3776" s="13">
        <v>3774</v>
      </c>
      <c r="B3776" s="11" t="s">
        <v>2106</v>
      </c>
      <c r="C3776" s="12" t="s">
        <v>2061</v>
      </c>
    </row>
    <row r="3777" spans="1:3" ht="24">
      <c r="A3777" s="10">
        <v>3775</v>
      </c>
      <c r="B3777" s="11" t="s">
        <v>2107</v>
      </c>
      <c r="C3777" s="12" t="s">
        <v>2061</v>
      </c>
    </row>
    <row r="3778" spans="1:3" ht="24">
      <c r="A3778" s="13">
        <v>3776</v>
      </c>
      <c r="B3778" s="11" t="s">
        <v>2108</v>
      </c>
      <c r="C3778" s="12" t="s">
        <v>2061</v>
      </c>
    </row>
    <row r="3779" spans="1:3" ht="24">
      <c r="A3779" s="13">
        <v>3777</v>
      </c>
      <c r="B3779" s="11" t="s">
        <v>2109</v>
      </c>
      <c r="C3779" s="12" t="s">
        <v>2061</v>
      </c>
    </row>
    <row r="3780" spans="1:3" ht="24">
      <c r="A3780" s="13">
        <v>3778</v>
      </c>
      <c r="B3780" s="11" t="s">
        <v>2110</v>
      </c>
      <c r="C3780" s="12" t="s">
        <v>2061</v>
      </c>
    </row>
    <row r="3781" spans="1:3" ht="24">
      <c r="A3781" s="10">
        <v>3779</v>
      </c>
      <c r="B3781" s="11" t="s">
        <v>2111</v>
      </c>
      <c r="C3781" s="12" t="s">
        <v>2061</v>
      </c>
    </row>
    <row r="3782" spans="1:3" ht="24">
      <c r="A3782" s="13">
        <v>3780</v>
      </c>
      <c r="B3782" s="11" t="s">
        <v>2111</v>
      </c>
      <c r="C3782" s="12" t="s">
        <v>2061</v>
      </c>
    </row>
    <row r="3783" spans="1:3" ht="24">
      <c r="A3783" s="13">
        <v>3781</v>
      </c>
      <c r="B3783" s="11" t="s">
        <v>2111</v>
      </c>
      <c r="C3783" s="12" t="s">
        <v>2061</v>
      </c>
    </row>
    <row r="3784" spans="1:3" ht="24">
      <c r="A3784" s="13">
        <v>3782</v>
      </c>
      <c r="B3784" s="11" t="s">
        <v>2112</v>
      </c>
      <c r="C3784" s="12" t="s">
        <v>2061</v>
      </c>
    </row>
    <row r="3785" spans="1:3" ht="24">
      <c r="A3785" s="10">
        <v>3783</v>
      </c>
      <c r="B3785" s="11" t="s">
        <v>2113</v>
      </c>
      <c r="C3785" s="12" t="s">
        <v>2061</v>
      </c>
    </row>
    <row r="3786" spans="1:3" ht="24">
      <c r="A3786" s="13">
        <v>3784</v>
      </c>
      <c r="B3786" s="11" t="s">
        <v>2114</v>
      </c>
      <c r="C3786" s="12" t="s">
        <v>2061</v>
      </c>
    </row>
    <row r="3787" spans="1:3" ht="24">
      <c r="A3787" s="13">
        <v>3785</v>
      </c>
      <c r="B3787" s="11" t="s">
        <v>2115</v>
      </c>
      <c r="C3787" s="12" t="s">
        <v>2061</v>
      </c>
    </row>
    <row r="3788" spans="1:3" ht="24">
      <c r="A3788" s="13">
        <v>3786</v>
      </c>
      <c r="B3788" s="11" t="s">
        <v>2116</v>
      </c>
      <c r="C3788" s="12" t="s">
        <v>2061</v>
      </c>
    </row>
    <row r="3789" spans="1:3" ht="24">
      <c r="A3789" s="10">
        <v>3787</v>
      </c>
      <c r="B3789" s="11" t="s">
        <v>2117</v>
      </c>
      <c r="C3789" s="12" t="s">
        <v>2061</v>
      </c>
    </row>
    <row r="3790" spans="1:3" ht="24">
      <c r="A3790" s="13">
        <v>3788</v>
      </c>
      <c r="B3790" s="11" t="s">
        <v>2118</v>
      </c>
      <c r="C3790" s="12" t="s">
        <v>2061</v>
      </c>
    </row>
    <row r="3791" spans="1:3" ht="24">
      <c r="A3791" s="13">
        <v>3789</v>
      </c>
      <c r="B3791" s="11" t="s">
        <v>2119</v>
      </c>
      <c r="C3791" s="12" t="s">
        <v>2061</v>
      </c>
    </row>
    <row r="3792" spans="1:3" ht="24">
      <c r="A3792" s="13">
        <v>3790</v>
      </c>
      <c r="B3792" s="11" t="s">
        <v>2120</v>
      </c>
      <c r="C3792" s="12" t="s">
        <v>2061</v>
      </c>
    </row>
    <row r="3793" spans="1:3" ht="24">
      <c r="A3793" s="10">
        <v>3791</v>
      </c>
      <c r="B3793" s="11" t="s">
        <v>1190</v>
      </c>
      <c r="C3793" s="12" t="s">
        <v>2061</v>
      </c>
    </row>
    <row r="3794" spans="1:3" ht="24">
      <c r="A3794" s="13">
        <v>3792</v>
      </c>
      <c r="B3794" s="18" t="s">
        <v>2121</v>
      </c>
      <c r="C3794" s="12" t="s">
        <v>2061</v>
      </c>
    </row>
    <row r="3795" spans="1:3" ht="24">
      <c r="A3795" s="13">
        <v>3793</v>
      </c>
      <c r="B3795" s="15" t="s">
        <v>2122</v>
      </c>
      <c r="C3795" s="12" t="s">
        <v>2061</v>
      </c>
    </row>
    <row r="3796" spans="1:3" ht="24">
      <c r="A3796" s="13">
        <v>3794</v>
      </c>
      <c r="B3796" s="10" t="s">
        <v>2123</v>
      </c>
      <c r="C3796" s="12" t="s">
        <v>2061</v>
      </c>
    </row>
    <row r="3797" spans="1:3" ht="24">
      <c r="A3797" s="10">
        <v>3795</v>
      </c>
      <c r="B3797" s="10" t="s">
        <v>2124</v>
      </c>
      <c r="C3797" s="12" t="s">
        <v>2061</v>
      </c>
    </row>
    <row r="3798" spans="1:3" ht="24">
      <c r="A3798" s="13">
        <v>3796</v>
      </c>
      <c r="B3798" s="10" t="s">
        <v>2124</v>
      </c>
      <c r="C3798" s="12" t="s">
        <v>2061</v>
      </c>
    </row>
    <row r="3799" spans="1:3" ht="24">
      <c r="A3799" s="13">
        <v>3797</v>
      </c>
      <c r="B3799" s="10" t="s">
        <v>2123</v>
      </c>
      <c r="C3799" s="12" t="s">
        <v>2061</v>
      </c>
    </row>
    <row r="3800" spans="1:3" ht="24">
      <c r="A3800" s="13">
        <v>3798</v>
      </c>
      <c r="B3800" s="11" t="s">
        <v>2125</v>
      </c>
      <c r="C3800" s="12" t="s">
        <v>2061</v>
      </c>
    </row>
    <row r="3801" spans="1:3" ht="24">
      <c r="A3801" s="10">
        <v>3799</v>
      </c>
      <c r="B3801" s="11" t="s">
        <v>2126</v>
      </c>
      <c r="C3801" s="12" t="s">
        <v>2061</v>
      </c>
    </row>
    <row r="3802" spans="1:3" ht="24">
      <c r="A3802" s="13">
        <v>3800</v>
      </c>
      <c r="B3802" s="11" t="s">
        <v>2127</v>
      </c>
      <c r="C3802" s="12" t="s">
        <v>2061</v>
      </c>
    </row>
    <row r="3803" spans="1:3" ht="24">
      <c r="A3803" s="13">
        <v>3801</v>
      </c>
      <c r="B3803" s="11" t="s">
        <v>2128</v>
      </c>
      <c r="C3803" s="12" t="s">
        <v>2061</v>
      </c>
    </row>
    <row r="3804" spans="1:3" ht="24">
      <c r="A3804" s="13">
        <v>3802</v>
      </c>
      <c r="B3804" s="11" t="s">
        <v>2129</v>
      </c>
      <c r="C3804" s="12" t="s">
        <v>2061</v>
      </c>
    </row>
    <row r="3805" spans="1:3" ht="24">
      <c r="A3805" s="10">
        <v>3803</v>
      </c>
      <c r="B3805" s="11" t="s">
        <v>2130</v>
      </c>
      <c r="C3805" s="12" t="s">
        <v>2061</v>
      </c>
    </row>
    <row r="3806" spans="1:3" ht="24">
      <c r="A3806" s="13">
        <v>3804</v>
      </c>
      <c r="B3806" s="11" t="s">
        <v>2131</v>
      </c>
      <c r="C3806" s="12" t="s">
        <v>2061</v>
      </c>
    </row>
    <row r="3807" spans="1:3" ht="24">
      <c r="A3807" s="13">
        <v>3805</v>
      </c>
      <c r="B3807" s="11" t="s">
        <v>2132</v>
      </c>
      <c r="C3807" s="12" t="s">
        <v>2061</v>
      </c>
    </row>
    <row r="3808" spans="1:3" ht="24">
      <c r="A3808" s="13">
        <v>3806</v>
      </c>
      <c r="B3808" s="11" t="s">
        <v>2133</v>
      </c>
      <c r="C3808" s="12" t="s">
        <v>2061</v>
      </c>
    </row>
    <row r="3809" spans="1:3" ht="24">
      <c r="A3809" s="10">
        <v>3807</v>
      </c>
      <c r="B3809" s="11" t="s">
        <v>2134</v>
      </c>
      <c r="C3809" s="12" t="s">
        <v>2061</v>
      </c>
    </row>
    <row r="3810" spans="1:3" ht="24">
      <c r="A3810" s="13">
        <v>3808</v>
      </c>
      <c r="B3810" s="11" t="s">
        <v>2135</v>
      </c>
      <c r="C3810" s="12" t="s">
        <v>2061</v>
      </c>
    </row>
    <row r="3811" spans="1:3" ht="24">
      <c r="A3811" s="13">
        <v>3809</v>
      </c>
      <c r="B3811" s="10" t="s">
        <v>1797</v>
      </c>
      <c r="C3811" s="12" t="s">
        <v>2061</v>
      </c>
    </row>
    <row r="3812" spans="1:3" ht="24">
      <c r="A3812" s="13">
        <v>3810</v>
      </c>
      <c r="B3812" s="17" t="s">
        <v>2136</v>
      </c>
      <c r="C3812" s="12" t="s">
        <v>2061</v>
      </c>
    </row>
    <row r="3813" spans="1:3" ht="24">
      <c r="A3813" s="10">
        <v>3811</v>
      </c>
      <c r="B3813" s="19" t="s">
        <v>2137</v>
      </c>
      <c r="C3813" s="12" t="s">
        <v>2061</v>
      </c>
    </row>
    <row r="3814" spans="1:3" ht="24">
      <c r="A3814" s="13">
        <v>3812</v>
      </c>
      <c r="B3814" s="10" t="s">
        <v>2138</v>
      </c>
      <c r="C3814" s="12" t="s">
        <v>2139</v>
      </c>
    </row>
    <row r="3815" spans="1:3" ht="24">
      <c r="A3815" s="13">
        <v>3813</v>
      </c>
      <c r="B3815" s="10" t="s">
        <v>1936</v>
      </c>
      <c r="C3815" s="12" t="s">
        <v>2139</v>
      </c>
    </row>
    <row r="3816" spans="1:3" ht="24">
      <c r="A3816" s="13">
        <v>3814</v>
      </c>
      <c r="B3816" s="10" t="s">
        <v>2140</v>
      </c>
      <c r="C3816" s="12" t="s">
        <v>2139</v>
      </c>
    </row>
    <row r="3817" spans="1:3" ht="24">
      <c r="A3817" s="10">
        <v>3815</v>
      </c>
      <c r="B3817" s="10" t="s">
        <v>2141</v>
      </c>
      <c r="C3817" s="12" t="s">
        <v>2139</v>
      </c>
    </row>
    <row r="3818" spans="1:3" ht="24">
      <c r="A3818" s="13">
        <v>3816</v>
      </c>
      <c r="B3818" s="10" t="s">
        <v>2142</v>
      </c>
      <c r="C3818" s="12" t="s">
        <v>2139</v>
      </c>
    </row>
    <row r="3819" spans="1:3" ht="24">
      <c r="A3819" s="13">
        <v>3817</v>
      </c>
      <c r="B3819" s="10" t="s">
        <v>2142</v>
      </c>
      <c r="C3819" s="12" t="s">
        <v>2139</v>
      </c>
    </row>
    <row r="3820" spans="1:3" ht="24">
      <c r="A3820" s="13">
        <v>3818</v>
      </c>
      <c r="B3820" s="10" t="s">
        <v>2142</v>
      </c>
      <c r="C3820" s="12" t="s">
        <v>2139</v>
      </c>
    </row>
    <row r="3821" spans="1:3" ht="24">
      <c r="A3821" s="10">
        <v>3819</v>
      </c>
      <c r="B3821" s="10" t="s">
        <v>2142</v>
      </c>
      <c r="C3821" s="12" t="s">
        <v>2139</v>
      </c>
    </row>
    <row r="3822" spans="1:3" ht="24">
      <c r="A3822" s="13">
        <v>3820</v>
      </c>
      <c r="B3822" s="10" t="s">
        <v>2142</v>
      </c>
      <c r="C3822" s="12" t="s">
        <v>2139</v>
      </c>
    </row>
    <row r="3823" spans="1:3" ht="24">
      <c r="A3823" s="13">
        <v>3821</v>
      </c>
      <c r="B3823" s="10" t="s">
        <v>2142</v>
      </c>
      <c r="C3823" s="12" t="s">
        <v>2139</v>
      </c>
    </row>
    <row r="3824" spans="1:3" ht="24">
      <c r="A3824" s="13">
        <v>3822</v>
      </c>
      <c r="B3824" s="10" t="s">
        <v>2142</v>
      </c>
      <c r="C3824" s="12" t="s">
        <v>2139</v>
      </c>
    </row>
    <row r="3825" spans="1:3" ht="24">
      <c r="A3825" s="10">
        <v>3823</v>
      </c>
      <c r="B3825" s="10" t="s">
        <v>2143</v>
      </c>
      <c r="C3825" s="12" t="s">
        <v>2139</v>
      </c>
    </row>
    <row r="3826" spans="1:3" ht="31.5">
      <c r="A3826" s="13">
        <v>3824</v>
      </c>
      <c r="B3826" s="10" t="s">
        <v>2144</v>
      </c>
      <c r="C3826" s="12" t="s">
        <v>2139</v>
      </c>
    </row>
    <row r="3827" spans="1:3" ht="24">
      <c r="A3827" s="13">
        <v>3825</v>
      </c>
      <c r="B3827" s="10" t="s">
        <v>2145</v>
      </c>
      <c r="C3827" s="12" t="s">
        <v>2139</v>
      </c>
    </row>
    <row r="3828" spans="1:3" ht="24">
      <c r="A3828" s="13">
        <v>3826</v>
      </c>
      <c r="B3828" s="10" t="s">
        <v>2146</v>
      </c>
      <c r="C3828" s="12" t="s">
        <v>2139</v>
      </c>
    </row>
    <row r="3829" spans="1:3" ht="24">
      <c r="A3829" s="10">
        <v>3827</v>
      </c>
      <c r="B3829" s="10" t="s">
        <v>2147</v>
      </c>
      <c r="C3829" s="12" t="s">
        <v>2139</v>
      </c>
    </row>
    <row r="3830" spans="1:3" ht="24">
      <c r="A3830" s="13">
        <v>3828</v>
      </c>
      <c r="B3830" s="10" t="s">
        <v>2148</v>
      </c>
      <c r="C3830" s="12" t="s">
        <v>2139</v>
      </c>
    </row>
    <row r="3831" spans="1:3" ht="24">
      <c r="A3831" s="13">
        <v>3829</v>
      </c>
      <c r="B3831" s="10" t="s">
        <v>2149</v>
      </c>
      <c r="C3831" s="12" t="s">
        <v>2139</v>
      </c>
    </row>
    <row r="3832" spans="1:3" ht="24">
      <c r="A3832" s="13">
        <v>3830</v>
      </c>
      <c r="B3832" s="10" t="s">
        <v>2069</v>
      </c>
      <c r="C3832" s="12" t="s">
        <v>2139</v>
      </c>
    </row>
    <row r="3833" spans="1:3" ht="24">
      <c r="A3833" s="10">
        <v>3831</v>
      </c>
      <c r="B3833" s="10" t="s">
        <v>2070</v>
      </c>
      <c r="C3833" s="12" t="s">
        <v>2139</v>
      </c>
    </row>
    <row r="3834" spans="1:3" ht="24">
      <c r="A3834" s="13">
        <v>3832</v>
      </c>
      <c r="B3834" s="10" t="s">
        <v>2150</v>
      </c>
      <c r="C3834" s="12" t="s">
        <v>2139</v>
      </c>
    </row>
    <row r="3835" spans="1:3" ht="24">
      <c r="A3835" s="13">
        <v>3833</v>
      </c>
      <c r="B3835" s="10" t="s">
        <v>2062</v>
      </c>
      <c r="C3835" s="12" t="s">
        <v>2139</v>
      </c>
    </row>
    <row r="3836" spans="1:3" ht="24">
      <c r="A3836" s="13">
        <v>3834</v>
      </c>
      <c r="B3836" s="10" t="s">
        <v>2151</v>
      </c>
      <c r="C3836" s="12" t="s">
        <v>2139</v>
      </c>
    </row>
    <row r="3837" spans="1:3" ht="24">
      <c r="A3837" s="10">
        <v>3835</v>
      </c>
      <c r="B3837" s="10" t="s">
        <v>2152</v>
      </c>
      <c r="C3837" s="12" t="s">
        <v>2139</v>
      </c>
    </row>
    <row r="3838" spans="1:3" ht="24">
      <c r="A3838" s="13">
        <v>3836</v>
      </c>
      <c r="B3838" s="10" t="s">
        <v>2153</v>
      </c>
      <c r="C3838" s="12" t="s">
        <v>2139</v>
      </c>
    </row>
    <row r="3839" spans="1:3" ht="24">
      <c r="A3839" s="13">
        <v>3837</v>
      </c>
      <c r="B3839" s="10" t="s">
        <v>2154</v>
      </c>
      <c r="C3839" s="12" t="s">
        <v>2139</v>
      </c>
    </row>
    <row r="3840" spans="1:3" ht="24">
      <c r="A3840" s="13">
        <v>3838</v>
      </c>
      <c r="B3840" s="10" t="s">
        <v>2155</v>
      </c>
      <c r="C3840" s="12" t="s">
        <v>2139</v>
      </c>
    </row>
    <row r="3841" spans="1:3" ht="24">
      <c r="A3841" s="10">
        <v>3839</v>
      </c>
      <c r="B3841" s="10" t="s">
        <v>1822</v>
      </c>
      <c r="C3841" s="12" t="s">
        <v>2139</v>
      </c>
    </row>
    <row r="3842" spans="1:3" ht="24">
      <c r="A3842" s="13">
        <v>3840</v>
      </c>
      <c r="B3842" s="10" t="s">
        <v>125</v>
      </c>
      <c r="C3842" s="12" t="s">
        <v>2139</v>
      </c>
    </row>
    <row r="3843" spans="1:3" ht="24">
      <c r="A3843" s="13">
        <v>3841</v>
      </c>
      <c r="B3843" s="10" t="s">
        <v>125</v>
      </c>
      <c r="C3843" s="12" t="s">
        <v>2139</v>
      </c>
    </row>
    <row r="3844" spans="1:3" ht="24">
      <c r="A3844" s="13">
        <v>3842</v>
      </c>
      <c r="B3844" s="10" t="s">
        <v>2156</v>
      </c>
      <c r="C3844" s="12" t="s">
        <v>2139</v>
      </c>
    </row>
    <row r="3845" spans="1:3" ht="24">
      <c r="A3845" s="10">
        <v>3843</v>
      </c>
      <c r="B3845" s="10" t="s">
        <v>2157</v>
      </c>
      <c r="C3845" s="12" t="s">
        <v>2139</v>
      </c>
    </row>
    <row r="3846" spans="1:3" ht="24">
      <c r="A3846" s="13">
        <v>3844</v>
      </c>
      <c r="B3846" s="10" t="s">
        <v>2158</v>
      </c>
      <c r="C3846" s="12" t="s">
        <v>2139</v>
      </c>
    </row>
    <row r="3847" spans="1:3" ht="24">
      <c r="A3847" s="13">
        <v>3845</v>
      </c>
      <c r="B3847" s="10" t="s">
        <v>2159</v>
      </c>
      <c r="C3847" s="12" t="s">
        <v>2139</v>
      </c>
    </row>
    <row r="3848" spans="1:3" ht="24">
      <c r="A3848" s="13">
        <v>3846</v>
      </c>
      <c r="B3848" s="10" t="s">
        <v>2160</v>
      </c>
      <c r="C3848" s="12" t="s">
        <v>2139</v>
      </c>
    </row>
    <row r="3849" spans="1:3" ht="24">
      <c r="A3849" s="10">
        <v>3847</v>
      </c>
      <c r="B3849" s="10" t="s">
        <v>807</v>
      </c>
      <c r="C3849" s="12" t="s">
        <v>2139</v>
      </c>
    </row>
    <row r="3850" spans="1:3" ht="24">
      <c r="A3850" s="13">
        <v>3848</v>
      </c>
      <c r="B3850" s="10" t="s">
        <v>2097</v>
      </c>
      <c r="C3850" s="12" t="s">
        <v>2139</v>
      </c>
    </row>
    <row r="3851" spans="1:3" ht="24">
      <c r="A3851" s="13">
        <v>3849</v>
      </c>
      <c r="B3851" s="10" t="s">
        <v>2161</v>
      </c>
      <c r="C3851" s="12" t="s">
        <v>2139</v>
      </c>
    </row>
    <row r="3852" spans="1:3" ht="31.5">
      <c r="A3852" s="13">
        <v>3850</v>
      </c>
      <c r="B3852" s="10" t="s">
        <v>2162</v>
      </c>
      <c r="C3852" s="12" t="s">
        <v>2139</v>
      </c>
    </row>
    <row r="3853" spans="1:3" ht="24">
      <c r="A3853" s="10">
        <v>3851</v>
      </c>
      <c r="B3853" s="10" t="s">
        <v>2163</v>
      </c>
      <c r="C3853" s="12" t="s">
        <v>2139</v>
      </c>
    </row>
    <row r="3854" spans="1:3" ht="24">
      <c r="A3854" s="13">
        <v>3852</v>
      </c>
      <c r="B3854" s="10" t="s">
        <v>1801</v>
      </c>
      <c r="C3854" s="12" t="s">
        <v>2139</v>
      </c>
    </row>
    <row r="3855" spans="1:3" ht="24">
      <c r="A3855" s="13">
        <v>3853</v>
      </c>
      <c r="B3855" s="10" t="s">
        <v>2164</v>
      </c>
      <c r="C3855" s="12" t="s">
        <v>2139</v>
      </c>
    </row>
    <row r="3856" spans="1:3" ht="24">
      <c r="A3856" s="13">
        <v>3854</v>
      </c>
      <c r="B3856" s="10" t="s">
        <v>12</v>
      </c>
      <c r="C3856" s="12" t="s">
        <v>2139</v>
      </c>
    </row>
    <row r="3857" spans="1:3" ht="24">
      <c r="A3857" s="10">
        <v>3855</v>
      </c>
      <c r="B3857" s="10" t="s">
        <v>2165</v>
      </c>
      <c r="C3857" s="12" t="s">
        <v>2139</v>
      </c>
    </row>
    <row r="3858" spans="1:3" ht="24">
      <c r="A3858" s="13">
        <v>3856</v>
      </c>
      <c r="B3858" s="10" t="s">
        <v>2166</v>
      </c>
      <c r="C3858" s="12" t="s">
        <v>2139</v>
      </c>
    </row>
    <row r="3859" spans="1:3" ht="24">
      <c r="A3859" s="13">
        <v>3857</v>
      </c>
      <c r="B3859" s="10" t="s">
        <v>2167</v>
      </c>
      <c r="C3859" s="12" t="s">
        <v>2139</v>
      </c>
    </row>
    <row r="3860" spans="1:3" ht="24">
      <c r="A3860" s="13">
        <v>3858</v>
      </c>
      <c r="B3860" s="10" t="s">
        <v>1976</v>
      </c>
      <c r="C3860" s="12" t="s">
        <v>2139</v>
      </c>
    </row>
    <row r="3861" spans="1:3" ht="24">
      <c r="A3861" s="10">
        <v>3859</v>
      </c>
      <c r="B3861" s="10" t="s">
        <v>1429</v>
      </c>
      <c r="C3861" s="12" t="s">
        <v>2139</v>
      </c>
    </row>
    <row r="3862" spans="1:3" ht="24">
      <c r="A3862" s="13">
        <v>3860</v>
      </c>
      <c r="B3862" s="10" t="s">
        <v>1429</v>
      </c>
      <c r="C3862" s="12" t="s">
        <v>2139</v>
      </c>
    </row>
    <row r="3863" spans="1:3" ht="24">
      <c r="A3863" s="13">
        <v>3861</v>
      </c>
      <c r="B3863" s="10" t="s">
        <v>2168</v>
      </c>
      <c r="C3863" s="12" t="s">
        <v>2139</v>
      </c>
    </row>
    <row r="3864" spans="1:3" ht="24">
      <c r="A3864" s="13">
        <v>3862</v>
      </c>
      <c r="B3864" s="10" t="s">
        <v>2169</v>
      </c>
      <c r="C3864" s="12" t="s">
        <v>2139</v>
      </c>
    </row>
    <row r="3865" spans="1:3" ht="24">
      <c r="A3865" s="10">
        <v>3863</v>
      </c>
      <c r="B3865" s="10" t="s">
        <v>2170</v>
      </c>
      <c r="C3865" s="12" t="s">
        <v>2139</v>
      </c>
    </row>
    <row r="3866" spans="1:3" ht="24">
      <c r="A3866" s="13">
        <v>3864</v>
      </c>
      <c r="B3866" s="10" t="s">
        <v>2171</v>
      </c>
      <c r="C3866" s="12" t="s">
        <v>2139</v>
      </c>
    </row>
    <row r="3867" spans="1:3" ht="24">
      <c r="A3867" s="13">
        <v>3865</v>
      </c>
      <c r="B3867" s="10" t="s">
        <v>2172</v>
      </c>
      <c r="C3867" s="12" t="s">
        <v>2139</v>
      </c>
    </row>
    <row r="3868" spans="1:3" ht="24">
      <c r="A3868" s="13">
        <v>3866</v>
      </c>
      <c r="B3868" s="10" t="s">
        <v>2173</v>
      </c>
      <c r="C3868" s="12" t="s">
        <v>2139</v>
      </c>
    </row>
    <row r="3869" spans="1:3" ht="24">
      <c r="A3869" s="10">
        <v>3867</v>
      </c>
      <c r="B3869" s="10" t="s">
        <v>2174</v>
      </c>
      <c r="C3869" s="12" t="s">
        <v>2139</v>
      </c>
    </row>
    <row r="3870" spans="1:3" ht="24">
      <c r="A3870" s="13">
        <v>3868</v>
      </c>
      <c r="B3870" s="10" t="s">
        <v>2175</v>
      </c>
      <c r="C3870" s="12" t="s">
        <v>2139</v>
      </c>
    </row>
    <row r="3871" spans="1:3" ht="24">
      <c r="A3871" s="13">
        <v>3869</v>
      </c>
      <c r="B3871" s="10" t="s">
        <v>2176</v>
      </c>
      <c r="C3871" s="12" t="s">
        <v>2139</v>
      </c>
    </row>
    <row r="3872" spans="1:3" ht="24">
      <c r="A3872" s="13">
        <v>3870</v>
      </c>
      <c r="B3872" s="10" t="s">
        <v>2177</v>
      </c>
      <c r="C3872" s="12" t="s">
        <v>2139</v>
      </c>
    </row>
    <row r="3873" spans="1:3" ht="24">
      <c r="A3873" s="10">
        <v>3871</v>
      </c>
      <c r="B3873" s="10" t="s">
        <v>2178</v>
      </c>
      <c r="C3873" s="12" t="s">
        <v>2139</v>
      </c>
    </row>
    <row r="3874" spans="1:3" ht="24">
      <c r="A3874" s="13">
        <v>3872</v>
      </c>
      <c r="B3874" s="10" t="s">
        <v>2179</v>
      </c>
      <c r="C3874" s="12" t="s">
        <v>2139</v>
      </c>
    </row>
    <row r="3875" spans="1:3" ht="24">
      <c r="A3875" s="13">
        <v>3873</v>
      </c>
      <c r="B3875" s="10" t="s">
        <v>2180</v>
      </c>
      <c r="C3875" s="12" t="s">
        <v>2139</v>
      </c>
    </row>
    <row r="3876" spans="1:3" ht="24">
      <c r="A3876" s="13">
        <v>3874</v>
      </c>
      <c r="B3876" s="10" t="s">
        <v>367</v>
      </c>
      <c r="C3876" s="12" t="s">
        <v>2139</v>
      </c>
    </row>
    <row r="3877" spans="1:3" ht="24">
      <c r="A3877" s="10">
        <v>3875</v>
      </c>
      <c r="B3877" s="10" t="s">
        <v>2181</v>
      </c>
      <c r="C3877" s="12" t="s">
        <v>2139</v>
      </c>
    </row>
    <row r="3878" spans="1:3" ht="24">
      <c r="A3878" s="13">
        <v>3876</v>
      </c>
      <c r="B3878" s="10" t="s">
        <v>2168</v>
      </c>
      <c r="C3878" s="12" t="s">
        <v>2139</v>
      </c>
    </row>
    <row r="3879" spans="1:3" ht="31.5">
      <c r="A3879" s="13">
        <v>3877</v>
      </c>
      <c r="B3879" s="10" t="s">
        <v>2182</v>
      </c>
      <c r="C3879" s="12" t="s">
        <v>2139</v>
      </c>
    </row>
    <row r="3880" spans="1:3" ht="24">
      <c r="A3880" s="13">
        <v>3878</v>
      </c>
      <c r="B3880" s="10" t="s">
        <v>2183</v>
      </c>
      <c r="C3880" s="12" t="s">
        <v>2139</v>
      </c>
    </row>
    <row r="3881" spans="1:3" ht="24">
      <c r="A3881" s="10">
        <v>3879</v>
      </c>
      <c r="B3881" s="10" t="s">
        <v>2183</v>
      </c>
      <c r="C3881" s="12" t="s">
        <v>2139</v>
      </c>
    </row>
    <row r="3882" spans="1:3" ht="24">
      <c r="A3882" s="13">
        <v>3880</v>
      </c>
      <c r="B3882" s="11" t="s">
        <v>2184</v>
      </c>
      <c r="C3882" s="12" t="s">
        <v>2139</v>
      </c>
    </row>
    <row r="3883" spans="1:3" ht="24">
      <c r="A3883" s="13">
        <v>3881</v>
      </c>
      <c r="B3883" s="11" t="s">
        <v>2185</v>
      </c>
      <c r="C3883" s="12" t="s">
        <v>2139</v>
      </c>
    </row>
    <row r="3884" spans="1:3" ht="24">
      <c r="A3884" s="13">
        <v>3882</v>
      </c>
      <c r="B3884" s="10" t="s">
        <v>2186</v>
      </c>
      <c r="C3884" s="12" t="s">
        <v>2139</v>
      </c>
    </row>
    <row r="3885" spans="1:3" ht="24">
      <c r="A3885" s="10">
        <v>3883</v>
      </c>
      <c r="B3885" s="18" t="s">
        <v>2187</v>
      </c>
      <c r="C3885" s="12" t="s">
        <v>2139</v>
      </c>
    </row>
    <row r="3886" spans="1:3" ht="24">
      <c r="A3886" s="13">
        <v>3884</v>
      </c>
      <c r="B3886" s="10" t="s">
        <v>2188</v>
      </c>
      <c r="C3886" s="12" t="s">
        <v>2139</v>
      </c>
    </row>
    <row r="3887" spans="1:3" ht="24">
      <c r="A3887" s="13">
        <v>3885</v>
      </c>
      <c r="B3887" s="25" t="s">
        <v>2189</v>
      </c>
      <c r="C3887" s="12" t="s">
        <v>2139</v>
      </c>
    </row>
    <row r="3888" spans="1:3" ht="24">
      <c r="A3888" s="13">
        <v>3886</v>
      </c>
      <c r="B3888" s="26" t="s">
        <v>2190</v>
      </c>
      <c r="C3888" s="12" t="s">
        <v>2139</v>
      </c>
    </row>
    <row r="3889" spans="1:3" ht="24">
      <c r="A3889" s="10">
        <v>3887</v>
      </c>
      <c r="B3889" s="26" t="s">
        <v>2191</v>
      </c>
      <c r="C3889" s="12" t="s">
        <v>2139</v>
      </c>
    </row>
    <row r="3890" spans="1:3" ht="24">
      <c r="A3890" s="13">
        <v>3888</v>
      </c>
      <c r="B3890" s="26" t="s">
        <v>2192</v>
      </c>
      <c r="C3890" s="12" t="s">
        <v>2139</v>
      </c>
    </row>
    <row r="3891" spans="1:3" ht="24">
      <c r="A3891" s="13">
        <v>3889</v>
      </c>
      <c r="B3891" s="26" t="s">
        <v>2193</v>
      </c>
      <c r="C3891" s="12" t="s">
        <v>2139</v>
      </c>
    </row>
    <row r="3892" spans="1:3" ht="24">
      <c r="A3892" s="13">
        <v>3890</v>
      </c>
      <c r="B3892" s="15" t="s">
        <v>2194</v>
      </c>
      <c r="C3892" s="12" t="s">
        <v>2139</v>
      </c>
    </row>
    <row r="3893" spans="1:3" ht="31.5">
      <c r="A3893" s="10">
        <v>3891</v>
      </c>
      <c r="B3893" s="10" t="s">
        <v>2195</v>
      </c>
      <c r="C3893" s="12" t="s">
        <v>2139</v>
      </c>
    </row>
    <row r="3894" spans="1:3" ht="24">
      <c r="A3894" s="13">
        <v>3892</v>
      </c>
      <c r="B3894" s="10" t="s">
        <v>2196</v>
      </c>
      <c r="C3894" s="12" t="s">
        <v>2139</v>
      </c>
    </row>
    <row r="3895" spans="1:3" ht="24">
      <c r="A3895" s="13">
        <v>3893</v>
      </c>
      <c r="B3895" s="16" t="s">
        <v>2197</v>
      </c>
      <c r="C3895" s="12" t="s">
        <v>2139</v>
      </c>
    </row>
    <row r="3896" spans="1:3" ht="24">
      <c r="A3896" s="13">
        <v>3894</v>
      </c>
      <c r="B3896" s="10" t="s">
        <v>2198</v>
      </c>
      <c r="C3896" s="12" t="s">
        <v>2139</v>
      </c>
    </row>
    <row r="3897" spans="1:3" ht="24">
      <c r="A3897" s="10">
        <v>3895</v>
      </c>
      <c r="B3897" s="10" t="s">
        <v>2199</v>
      </c>
      <c r="C3897" s="12" t="s">
        <v>2139</v>
      </c>
    </row>
    <row r="3898" spans="1:3" ht="24">
      <c r="A3898" s="13">
        <v>3896</v>
      </c>
      <c r="B3898" s="10" t="s">
        <v>2200</v>
      </c>
      <c r="C3898" s="12" t="s">
        <v>2139</v>
      </c>
    </row>
    <row r="3899" spans="1:3" ht="24">
      <c r="A3899" s="13">
        <v>3897</v>
      </c>
      <c r="B3899" s="10" t="s">
        <v>1190</v>
      </c>
      <c r="C3899" s="12" t="s">
        <v>2139</v>
      </c>
    </row>
    <row r="3900" spans="1:3" ht="24">
      <c r="A3900" s="13">
        <v>3898</v>
      </c>
      <c r="B3900" s="10" t="s">
        <v>2201</v>
      </c>
      <c r="C3900" s="12" t="s">
        <v>2139</v>
      </c>
    </row>
    <row r="3901" spans="1:3" ht="24">
      <c r="A3901" s="10">
        <v>3899</v>
      </c>
      <c r="B3901" s="10" t="s">
        <v>2202</v>
      </c>
      <c r="C3901" s="12" t="s">
        <v>2139</v>
      </c>
    </row>
    <row r="3902" spans="1:3" ht="24">
      <c r="A3902" s="13">
        <v>3900</v>
      </c>
      <c r="B3902" s="10" t="s">
        <v>2203</v>
      </c>
      <c r="C3902" s="12" t="s">
        <v>2139</v>
      </c>
    </row>
    <row r="3903" spans="1:3" ht="24">
      <c r="A3903" s="13">
        <v>3901</v>
      </c>
      <c r="B3903" s="10" t="s">
        <v>2204</v>
      </c>
      <c r="C3903" s="12" t="s">
        <v>2139</v>
      </c>
    </row>
    <row r="3904" spans="1:3" ht="24">
      <c r="A3904" s="13">
        <v>3902</v>
      </c>
      <c r="B3904" s="10" t="s">
        <v>2205</v>
      </c>
      <c r="C3904" s="12" t="s">
        <v>2139</v>
      </c>
    </row>
    <row r="3905" spans="1:3" ht="24">
      <c r="A3905" s="10">
        <v>3903</v>
      </c>
      <c r="B3905" s="10" t="s">
        <v>2206</v>
      </c>
      <c r="C3905" s="12" t="s">
        <v>2139</v>
      </c>
    </row>
    <row r="3906" spans="1:3" ht="24">
      <c r="A3906" s="13">
        <v>3904</v>
      </c>
      <c r="B3906" s="10" t="s">
        <v>1890</v>
      </c>
      <c r="C3906" s="12" t="s">
        <v>2139</v>
      </c>
    </row>
    <row r="3907" spans="1:3" ht="24">
      <c r="A3907" s="13">
        <v>3905</v>
      </c>
      <c r="B3907" s="10" t="s">
        <v>2207</v>
      </c>
      <c r="C3907" s="12" t="s">
        <v>2139</v>
      </c>
    </row>
    <row r="3908" spans="1:3" ht="24">
      <c r="A3908" s="13">
        <v>3906</v>
      </c>
      <c r="B3908" s="10" t="s">
        <v>2208</v>
      </c>
      <c r="C3908" s="12" t="s">
        <v>2139</v>
      </c>
    </row>
    <row r="3909" spans="1:3" ht="24">
      <c r="A3909" s="10">
        <v>3907</v>
      </c>
      <c r="B3909" s="10" t="s">
        <v>2208</v>
      </c>
      <c r="C3909" s="12" t="s">
        <v>2139</v>
      </c>
    </row>
    <row r="3910" spans="1:3" ht="24">
      <c r="A3910" s="13">
        <v>3908</v>
      </c>
      <c r="B3910" s="10" t="s">
        <v>2209</v>
      </c>
      <c r="C3910" s="12" t="s">
        <v>2139</v>
      </c>
    </row>
    <row r="3911" spans="1:3" ht="24">
      <c r="A3911" s="13">
        <v>3909</v>
      </c>
      <c r="B3911" s="10" t="s">
        <v>2210</v>
      </c>
      <c r="C3911" s="12" t="s">
        <v>2139</v>
      </c>
    </row>
    <row r="3912" spans="1:3" ht="24">
      <c r="A3912" s="13">
        <v>3910</v>
      </c>
      <c r="B3912" s="10" t="s">
        <v>2211</v>
      </c>
      <c r="C3912" s="12" t="s">
        <v>2139</v>
      </c>
    </row>
    <row r="3913" spans="1:3" ht="24">
      <c r="A3913" s="10">
        <v>3911</v>
      </c>
      <c r="B3913" s="10" t="s">
        <v>2211</v>
      </c>
      <c r="C3913" s="12" t="s">
        <v>2139</v>
      </c>
    </row>
    <row r="3914" spans="1:3" ht="24">
      <c r="A3914" s="13">
        <v>3912</v>
      </c>
      <c r="B3914" s="10" t="s">
        <v>2212</v>
      </c>
      <c r="C3914" s="12" t="s">
        <v>2139</v>
      </c>
    </row>
    <row r="3915" spans="1:3" ht="24">
      <c r="A3915" s="13">
        <v>3913</v>
      </c>
      <c r="B3915" s="10" t="s">
        <v>2213</v>
      </c>
      <c r="C3915" s="12" t="s">
        <v>2139</v>
      </c>
    </row>
    <row r="3916" spans="1:3" ht="24">
      <c r="A3916" s="13">
        <v>3914</v>
      </c>
      <c r="B3916" s="10" t="s">
        <v>2214</v>
      </c>
      <c r="C3916" s="12" t="s">
        <v>2139</v>
      </c>
    </row>
    <row r="3917" spans="1:3" ht="24">
      <c r="A3917" s="10">
        <v>3915</v>
      </c>
      <c r="B3917" s="10" t="s">
        <v>2215</v>
      </c>
      <c r="C3917" s="12" t="s">
        <v>2139</v>
      </c>
    </row>
    <row r="3918" spans="1:3" ht="24">
      <c r="A3918" s="13">
        <v>3916</v>
      </c>
      <c r="B3918" s="10" t="s">
        <v>2216</v>
      </c>
      <c r="C3918" s="12" t="s">
        <v>2139</v>
      </c>
    </row>
    <row r="3919" spans="1:3" ht="24">
      <c r="A3919" s="13">
        <v>3917</v>
      </c>
      <c r="B3919" s="10" t="s">
        <v>1840</v>
      </c>
      <c r="C3919" s="12" t="s">
        <v>2139</v>
      </c>
    </row>
    <row r="3920" spans="1:3" ht="24">
      <c r="A3920" s="13">
        <v>3918</v>
      </c>
      <c r="B3920" s="10" t="s">
        <v>2217</v>
      </c>
      <c r="C3920" s="12" t="s">
        <v>2139</v>
      </c>
    </row>
    <row r="3921" spans="1:3" ht="24">
      <c r="A3921" s="10">
        <v>3919</v>
      </c>
      <c r="B3921" s="10" t="s">
        <v>128</v>
      </c>
      <c r="C3921" s="12" t="s">
        <v>2139</v>
      </c>
    </row>
    <row r="3922" spans="1:3" ht="24">
      <c r="A3922" s="13">
        <v>3920</v>
      </c>
      <c r="B3922" s="10" t="s">
        <v>2218</v>
      </c>
      <c r="C3922" s="12" t="s">
        <v>2139</v>
      </c>
    </row>
    <row r="3923" spans="1:3" ht="24">
      <c r="A3923" s="13">
        <v>3921</v>
      </c>
      <c r="B3923" s="10" t="s">
        <v>2218</v>
      </c>
      <c r="C3923" s="12" t="s">
        <v>2139</v>
      </c>
    </row>
    <row r="3924" spans="1:3" ht="24">
      <c r="A3924" s="13">
        <v>3922</v>
      </c>
      <c r="B3924" s="10" t="s">
        <v>2219</v>
      </c>
      <c r="C3924" s="12" t="s">
        <v>2139</v>
      </c>
    </row>
    <row r="3925" spans="1:3" ht="24">
      <c r="A3925" s="10">
        <v>3923</v>
      </c>
      <c r="B3925" s="10" t="s">
        <v>2220</v>
      </c>
      <c r="C3925" s="12" t="s">
        <v>2139</v>
      </c>
    </row>
    <row r="3926" spans="1:3" ht="24">
      <c r="A3926" s="13">
        <v>3924</v>
      </c>
      <c r="B3926" s="10" t="s">
        <v>2221</v>
      </c>
      <c r="C3926" s="12" t="s">
        <v>2139</v>
      </c>
    </row>
    <row r="3927" spans="1:3" ht="31.5">
      <c r="A3927" s="13">
        <v>3925</v>
      </c>
      <c r="B3927" s="10" t="s">
        <v>2222</v>
      </c>
      <c r="C3927" s="12" t="s">
        <v>2139</v>
      </c>
    </row>
    <row r="3928" spans="1:3" ht="31.5">
      <c r="A3928" s="13">
        <v>3926</v>
      </c>
      <c r="B3928" s="10" t="s">
        <v>2222</v>
      </c>
      <c r="C3928" s="12" t="s">
        <v>2139</v>
      </c>
    </row>
    <row r="3929" spans="1:3" ht="31.5">
      <c r="A3929" s="10">
        <v>3927</v>
      </c>
      <c r="B3929" s="10" t="s">
        <v>2222</v>
      </c>
      <c r="C3929" s="12" t="s">
        <v>2139</v>
      </c>
    </row>
    <row r="3930" spans="1:3" ht="31.5">
      <c r="A3930" s="13">
        <v>3928</v>
      </c>
      <c r="B3930" s="10" t="s">
        <v>2222</v>
      </c>
      <c r="C3930" s="12" t="s">
        <v>2139</v>
      </c>
    </row>
    <row r="3931" spans="1:3" ht="24">
      <c r="A3931" s="13">
        <v>3929</v>
      </c>
      <c r="B3931" s="10" t="s">
        <v>2223</v>
      </c>
      <c r="C3931" s="12" t="s">
        <v>2139</v>
      </c>
    </row>
    <row r="3932" spans="1:3" ht="24">
      <c r="A3932" s="13">
        <v>3930</v>
      </c>
      <c r="B3932" s="10" t="s">
        <v>2223</v>
      </c>
      <c r="C3932" s="12" t="s">
        <v>2139</v>
      </c>
    </row>
    <row r="3933" spans="1:3" ht="24">
      <c r="A3933" s="10">
        <v>3931</v>
      </c>
      <c r="B3933" s="10" t="s">
        <v>2223</v>
      </c>
      <c r="C3933" s="12" t="s">
        <v>2139</v>
      </c>
    </row>
    <row r="3934" spans="1:3" ht="24">
      <c r="A3934" s="13">
        <v>3932</v>
      </c>
      <c r="B3934" s="10" t="s">
        <v>2223</v>
      </c>
      <c r="C3934" s="12" t="s">
        <v>2139</v>
      </c>
    </row>
    <row r="3935" spans="1:3" ht="24">
      <c r="A3935" s="13">
        <v>3933</v>
      </c>
      <c r="B3935" s="10" t="s">
        <v>2224</v>
      </c>
      <c r="C3935" s="12" t="s">
        <v>2139</v>
      </c>
    </row>
    <row r="3936" spans="1:3" ht="24">
      <c r="A3936" s="13">
        <v>3934</v>
      </c>
      <c r="B3936" s="10" t="s">
        <v>2225</v>
      </c>
      <c r="C3936" s="12" t="s">
        <v>2139</v>
      </c>
    </row>
    <row r="3937" spans="1:3" ht="24">
      <c r="A3937" s="10">
        <v>3935</v>
      </c>
      <c r="B3937" s="10" t="s">
        <v>2224</v>
      </c>
      <c r="C3937" s="12" t="s">
        <v>2139</v>
      </c>
    </row>
    <row r="3938" spans="1:3" ht="24">
      <c r="A3938" s="13">
        <v>3936</v>
      </c>
      <c r="B3938" s="10" t="s">
        <v>2226</v>
      </c>
      <c r="C3938" s="12" t="s">
        <v>2139</v>
      </c>
    </row>
    <row r="3939" spans="1:3" ht="24">
      <c r="A3939" s="13">
        <v>3937</v>
      </c>
      <c r="B3939" s="10" t="s">
        <v>2227</v>
      </c>
      <c r="C3939" s="12" t="s">
        <v>2139</v>
      </c>
    </row>
    <row r="3940" spans="1:3" ht="24">
      <c r="A3940" s="13">
        <v>3938</v>
      </c>
      <c r="B3940" s="10" t="s">
        <v>2227</v>
      </c>
      <c r="C3940" s="12" t="s">
        <v>2139</v>
      </c>
    </row>
    <row r="3941" spans="1:3" ht="24">
      <c r="A3941" s="10">
        <v>3939</v>
      </c>
      <c r="B3941" s="10" t="s">
        <v>1712</v>
      </c>
      <c r="C3941" s="12" t="s">
        <v>2139</v>
      </c>
    </row>
    <row r="3942" spans="1:3" ht="24">
      <c r="A3942" s="13">
        <v>3940</v>
      </c>
      <c r="B3942" s="10" t="s">
        <v>2228</v>
      </c>
      <c r="C3942" s="12" t="s">
        <v>2139</v>
      </c>
    </row>
    <row r="3943" spans="1:3" ht="24">
      <c r="A3943" s="13">
        <v>3941</v>
      </c>
      <c r="B3943" s="10" t="s">
        <v>2229</v>
      </c>
      <c r="C3943" s="12" t="s">
        <v>2139</v>
      </c>
    </row>
    <row r="3944" spans="1:3" ht="24">
      <c r="A3944" s="13">
        <v>3942</v>
      </c>
      <c r="B3944" s="10" t="s">
        <v>1979</v>
      </c>
      <c r="C3944" s="12" t="s">
        <v>2139</v>
      </c>
    </row>
    <row r="3945" spans="1:3" ht="24">
      <c r="A3945" s="10">
        <v>3943</v>
      </c>
      <c r="B3945" s="10" t="s">
        <v>2230</v>
      </c>
      <c r="C3945" s="12" t="s">
        <v>2139</v>
      </c>
    </row>
    <row r="3946" spans="1:3" ht="24">
      <c r="A3946" s="13">
        <v>3944</v>
      </c>
      <c r="B3946" s="10" t="s">
        <v>1497</v>
      </c>
      <c r="C3946" s="12" t="s">
        <v>2139</v>
      </c>
    </row>
    <row r="3947" spans="1:3" ht="24">
      <c r="A3947" s="13">
        <v>3945</v>
      </c>
      <c r="B3947" s="10" t="s">
        <v>2231</v>
      </c>
      <c r="C3947" s="12" t="s">
        <v>2139</v>
      </c>
    </row>
    <row r="3948" spans="1:3" ht="24">
      <c r="A3948" s="13">
        <v>3946</v>
      </c>
      <c r="B3948" s="10" t="s">
        <v>2232</v>
      </c>
      <c r="C3948" s="12" t="s">
        <v>2139</v>
      </c>
    </row>
    <row r="3949" spans="1:3" ht="24">
      <c r="A3949" s="10">
        <v>3947</v>
      </c>
      <c r="B3949" s="10" t="s">
        <v>2233</v>
      </c>
      <c r="C3949" s="12" t="s">
        <v>2139</v>
      </c>
    </row>
    <row r="3950" spans="1:3" ht="24">
      <c r="A3950" s="13">
        <v>3948</v>
      </c>
      <c r="B3950" s="10" t="s">
        <v>2234</v>
      </c>
      <c r="C3950" s="12" t="s">
        <v>2139</v>
      </c>
    </row>
    <row r="3951" spans="1:3" ht="24">
      <c r="A3951" s="13">
        <v>3949</v>
      </c>
      <c r="B3951" s="10" t="s">
        <v>2235</v>
      </c>
      <c r="C3951" s="12" t="s">
        <v>2139</v>
      </c>
    </row>
    <row r="3952" spans="1:3" ht="24">
      <c r="A3952" s="13">
        <v>3950</v>
      </c>
      <c r="B3952" s="10" t="s">
        <v>2236</v>
      </c>
      <c r="C3952" s="12" t="s">
        <v>2139</v>
      </c>
    </row>
    <row r="3953" spans="1:3" ht="24">
      <c r="A3953" s="10">
        <v>3951</v>
      </c>
      <c r="B3953" s="10" t="s">
        <v>2237</v>
      </c>
      <c r="C3953" s="12" t="s">
        <v>2139</v>
      </c>
    </row>
    <row r="3954" spans="1:3" ht="24">
      <c r="A3954" s="13">
        <v>3952</v>
      </c>
      <c r="B3954" s="10" t="s">
        <v>2238</v>
      </c>
      <c r="C3954" s="12" t="s">
        <v>2139</v>
      </c>
    </row>
    <row r="3955" spans="1:3" ht="24">
      <c r="A3955" s="13">
        <v>3953</v>
      </c>
      <c r="B3955" s="10" t="s">
        <v>2239</v>
      </c>
      <c r="C3955" s="12" t="s">
        <v>2139</v>
      </c>
    </row>
    <row r="3956" spans="1:3" ht="24">
      <c r="A3956" s="13">
        <v>3954</v>
      </c>
      <c r="B3956" s="10" t="s">
        <v>2240</v>
      </c>
      <c r="C3956" s="12" t="s">
        <v>2139</v>
      </c>
    </row>
    <row r="3957" spans="1:3" ht="24">
      <c r="A3957" s="10">
        <v>3955</v>
      </c>
      <c r="B3957" s="15" t="s">
        <v>1984</v>
      </c>
      <c r="C3957" s="12" t="s">
        <v>2139</v>
      </c>
    </row>
    <row r="3958" spans="1:3" ht="24">
      <c r="A3958" s="13">
        <v>3956</v>
      </c>
      <c r="B3958" s="10" t="s">
        <v>2241</v>
      </c>
      <c r="C3958" s="12" t="s">
        <v>2139</v>
      </c>
    </row>
    <row r="3959" spans="1:3" ht="24">
      <c r="A3959" s="13">
        <v>3957</v>
      </c>
      <c r="B3959" s="40" t="s">
        <v>1903</v>
      </c>
      <c r="C3959" s="12" t="s">
        <v>2139</v>
      </c>
    </row>
    <row r="3960" spans="1:3" ht="24">
      <c r="A3960" s="13">
        <v>3958</v>
      </c>
      <c r="B3960" s="40" t="s">
        <v>2242</v>
      </c>
      <c r="C3960" s="12" t="s">
        <v>2139</v>
      </c>
    </row>
    <row r="3961" spans="1:3" ht="24">
      <c r="A3961" s="10">
        <v>3959</v>
      </c>
      <c r="B3961" s="25" t="s">
        <v>476</v>
      </c>
      <c r="C3961" s="12" t="s">
        <v>2139</v>
      </c>
    </row>
    <row r="3962" spans="1:3" ht="24">
      <c r="A3962" s="13">
        <v>3960</v>
      </c>
      <c r="B3962" s="10" t="s">
        <v>2243</v>
      </c>
      <c r="C3962" s="12" t="s">
        <v>2139</v>
      </c>
    </row>
    <row r="3963" spans="1:3" ht="24">
      <c r="A3963" s="13">
        <v>3961</v>
      </c>
      <c r="B3963" s="40" t="s">
        <v>2244</v>
      </c>
      <c r="C3963" s="12" t="s">
        <v>2139</v>
      </c>
    </row>
    <row r="3964" spans="1:3" ht="24">
      <c r="A3964" s="13">
        <v>3962</v>
      </c>
      <c r="B3964" s="40" t="s">
        <v>2245</v>
      </c>
      <c r="C3964" s="12" t="s">
        <v>2139</v>
      </c>
    </row>
    <row r="3965" spans="1:3" ht="24">
      <c r="A3965" s="10">
        <v>3963</v>
      </c>
      <c r="B3965" s="10" t="s">
        <v>2246</v>
      </c>
      <c r="C3965" s="12" t="s">
        <v>2139</v>
      </c>
    </row>
    <row r="3966" spans="1:3" ht="24">
      <c r="A3966" s="13">
        <v>3964</v>
      </c>
      <c r="B3966" s="10" t="s">
        <v>1210</v>
      </c>
      <c r="C3966" s="12" t="s">
        <v>2139</v>
      </c>
    </row>
    <row r="3967" spans="1:3" ht="24">
      <c r="A3967" s="13">
        <v>3965</v>
      </c>
      <c r="B3967" s="10" t="s">
        <v>2247</v>
      </c>
      <c r="C3967" s="12" t="s">
        <v>2139</v>
      </c>
    </row>
    <row r="3968" spans="1:3" ht="24">
      <c r="A3968" s="13">
        <v>3966</v>
      </c>
      <c r="B3968" s="15" t="s">
        <v>2248</v>
      </c>
      <c r="C3968" s="12" t="s">
        <v>2139</v>
      </c>
    </row>
    <row r="3969" spans="1:3" ht="31.5">
      <c r="A3969" s="10">
        <v>3967</v>
      </c>
      <c r="B3969" s="10" t="s">
        <v>2249</v>
      </c>
      <c r="C3969" s="12" t="s">
        <v>2139</v>
      </c>
    </row>
    <row r="3970" spans="1:3" ht="24">
      <c r="A3970" s="13">
        <v>3968</v>
      </c>
      <c r="B3970" s="10" t="s">
        <v>2250</v>
      </c>
      <c r="C3970" s="12" t="s">
        <v>2139</v>
      </c>
    </row>
    <row r="3971" spans="1:3" ht="24">
      <c r="A3971" s="13">
        <v>3969</v>
      </c>
      <c r="B3971" s="10" t="s">
        <v>2251</v>
      </c>
      <c r="C3971" s="12" t="s">
        <v>2139</v>
      </c>
    </row>
    <row r="3972" spans="1:3" ht="24">
      <c r="A3972" s="13">
        <v>3970</v>
      </c>
      <c r="B3972" s="10" t="s">
        <v>2252</v>
      </c>
      <c r="C3972" s="12" t="s">
        <v>2139</v>
      </c>
    </row>
    <row r="3973" spans="1:3" ht="24">
      <c r="A3973" s="10">
        <v>3971</v>
      </c>
      <c r="B3973" s="17" t="s">
        <v>2253</v>
      </c>
      <c r="C3973" s="12" t="s">
        <v>2139</v>
      </c>
    </row>
    <row r="3974" spans="1:3" ht="24">
      <c r="A3974" s="13">
        <v>3972</v>
      </c>
      <c r="B3974" s="16" t="s">
        <v>2254</v>
      </c>
      <c r="C3974" s="12" t="s">
        <v>2139</v>
      </c>
    </row>
    <row r="3975" spans="1:3" ht="24">
      <c r="A3975" s="13">
        <v>3973</v>
      </c>
      <c r="B3975" s="10" t="s">
        <v>2125</v>
      </c>
      <c r="C3975" s="12" t="s">
        <v>2139</v>
      </c>
    </row>
    <row r="3976" spans="1:3" ht="24">
      <c r="A3976" s="13">
        <v>3974</v>
      </c>
      <c r="B3976" s="10" t="s">
        <v>1465</v>
      </c>
      <c r="C3976" s="12" t="s">
        <v>2139</v>
      </c>
    </row>
    <row r="3977" spans="1:3" ht="24">
      <c r="A3977" s="10">
        <v>3975</v>
      </c>
      <c r="B3977" s="10" t="s">
        <v>2255</v>
      </c>
      <c r="C3977" s="12" t="s">
        <v>2139</v>
      </c>
    </row>
    <row r="3978" spans="1:3" ht="24">
      <c r="A3978" s="13">
        <v>3976</v>
      </c>
      <c r="B3978" s="11" t="s">
        <v>1797</v>
      </c>
      <c r="C3978" s="12" t="s">
        <v>2139</v>
      </c>
    </row>
    <row r="3979" spans="1:3" ht="24">
      <c r="A3979" s="13">
        <v>3977</v>
      </c>
      <c r="B3979" s="11" t="s">
        <v>2256</v>
      </c>
      <c r="C3979" s="12" t="s">
        <v>2139</v>
      </c>
    </row>
    <row r="3980" spans="1:3" ht="24">
      <c r="A3980" s="13">
        <v>3978</v>
      </c>
      <c r="B3980" s="11" t="s">
        <v>2257</v>
      </c>
      <c r="C3980" s="12" t="s">
        <v>2139</v>
      </c>
    </row>
    <row r="3981" spans="1:3" ht="24">
      <c r="A3981" s="10">
        <v>3979</v>
      </c>
      <c r="B3981" s="11" t="s">
        <v>2258</v>
      </c>
      <c r="C3981" s="12" t="s">
        <v>2139</v>
      </c>
    </row>
    <row r="3982" spans="1:3" ht="24">
      <c r="A3982" s="13">
        <v>3980</v>
      </c>
      <c r="B3982" s="11" t="s">
        <v>2259</v>
      </c>
      <c r="C3982" s="12" t="s">
        <v>2139</v>
      </c>
    </row>
    <row r="3983" spans="1:3" ht="24">
      <c r="A3983" s="13">
        <v>3981</v>
      </c>
      <c r="B3983" s="11" t="s">
        <v>2260</v>
      </c>
      <c r="C3983" s="12" t="s">
        <v>2139</v>
      </c>
    </row>
    <row r="3984" spans="1:3" ht="24">
      <c r="A3984" s="13">
        <v>3982</v>
      </c>
      <c r="B3984" s="11" t="s">
        <v>2261</v>
      </c>
      <c r="C3984" s="12" t="s">
        <v>2139</v>
      </c>
    </row>
    <row r="3985" spans="1:3" ht="24">
      <c r="A3985" s="10">
        <v>3983</v>
      </c>
      <c r="B3985" s="11" t="s">
        <v>2262</v>
      </c>
      <c r="C3985" s="12" t="s">
        <v>2139</v>
      </c>
    </row>
    <row r="3986" spans="1:3" ht="24">
      <c r="A3986" s="13">
        <v>3984</v>
      </c>
      <c r="B3986" s="11" t="s">
        <v>2263</v>
      </c>
      <c r="C3986" s="12" t="s">
        <v>2139</v>
      </c>
    </row>
    <row r="3987" spans="1:3" ht="24">
      <c r="A3987" s="13">
        <v>3985</v>
      </c>
      <c r="B3987" s="11" t="s">
        <v>2264</v>
      </c>
      <c r="C3987" s="12" t="s">
        <v>2139</v>
      </c>
    </row>
    <row r="3988" spans="1:3" ht="24">
      <c r="A3988" s="13">
        <v>3986</v>
      </c>
      <c r="B3988" s="11" t="s">
        <v>2265</v>
      </c>
      <c r="C3988" s="12" t="s">
        <v>2139</v>
      </c>
    </row>
    <row r="3989" spans="1:3" ht="24">
      <c r="A3989" s="10">
        <v>3987</v>
      </c>
      <c r="B3989" s="11" t="s">
        <v>2266</v>
      </c>
      <c r="C3989" s="12" t="s">
        <v>2139</v>
      </c>
    </row>
    <row r="3990" spans="1:3" ht="24">
      <c r="A3990" s="13">
        <v>3988</v>
      </c>
      <c r="B3990" s="11" t="s">
        <v>2267</v>
      </c>
      <c r="C3990" s="12" t="s">
        <v>2139</v>
      </c>
    </row>
    <row r="3991" spans="1:3" ht="24">
      <c r="A3991" s="13">
        <v>3989</v>
      </c>
      <c r="B3991" s="11" t="s">
        <v>2268</v>
      </c>
      <c r="C3991" s="12" t="s">
        <v>2139</v>
      </c>
    </row>
    <row r="3992" spans="1:3" ht="24">
      <c r="A3992" s="13">
        <v>3990</v>
      </c>
      <c r="B3992" s="11" t="s">
        <v>2269</v>
      </c>
      <c r="C3992" s="12" t="s">
        <v>2139</v>
      </c>
    </row>
    <row r="3993" spans="1:3" ht="24">
      <c r="A3993" s="10">
        <v>3991</v>
      </c>
      <c r="B3993" s="11" t="s">
        <v>1936</v>
      </c>
      <c r="C3993" s="12" t="s">
        <v>2270</v>
      </c>
    </row>
    <row r="3994" spans="1:3" ht="24">
      <c r="A3994" s="13">
        <v>3992</v>
      </c>
      <c r="B3994" s="11" t="s">
        <v>1936</v>
      </c>
      <c r="C3994" s="12" t="s">
        <v>2270</v>
      </c>
    </row>
    <row r="3995" spans="1:3" ht="24">
      <c r="A3995" s="13">
        <v>3993</v>
      </c>
      <c r="B3995" s="11" t="s">
        <v>2271</v>
      </c>
      <c r="C3995" s="12" t="s">
        <v>2270</v>
      </c>
    </row>
    <row r="3996" spans="1:3" ht="24">
      <c r="A3996" s="13">
        <v>3994</v>
      </c>
      <c r="B3996" s="11" t="s">
        <v>2272</v>
      </c>
      <c r="C3996" s="12" t="s">
        <v>2270</v>
      </c>
    </row>
    <row r="3997" spans="1:3" ht="24">
      <c r="A3997" s="10">
        <v>3995</v>
      </c>
      <c r="B3997" s="11" t="s">
        <v>2273</v>
      </c>
      <c r="C3997" s="12" t="s">
        <v>2270</v>
      </c>
    </row>
    <row r="3998" spans="1:3" ht="24">
      <c r="A3998" s="13">
        <v>3996</v>
      </c>
      <c r="B3998" s="11" t="s">
        <v>2274</v>
      </c>
      <c r="C3998" s="12" t="s">
        <v>2270</v>
      </c>
    </row>
    <row r="3999" spans="1:3" ht="24">
      <c r="A3999" s="13">
        <v>3997</v>
      </c>
      <c r="B3999" s="11" t="s">
        <v>2274</v>
      </c>
      <c r="C3999" s="12" t="s">
        <v>2270</v>
      </c>
    </row>
    <row r="4000" spans="1:3" ht="24">
      <c r="A4000" s="13">
        <v>3998</v>
      </c>
      <c r="B4000" s="11" t="s">
        <v>2275</v>
      </c>
      <c r="C4000" s="12" t="s">
        <v>2270</v>
      </c>
    </row>
    <row r="4001" spans="1:3" ht="24">
      <c r="A4001" s="10">
        <v>3999</v>
      </c>
      <c r="B4001" s="11" t="s">
        <v>2276</v>
      </c>
      <c r="C4001" s="12" t="s">
        <v>2270</v>
      </c>
    </row>
    <row r="4002" spans="1:3" ht="24">
      <c r="A4002" s="13">
        <v>4000</v>
      </c>
      <c r="B4002" s="11" t="s">
        <v>2277</v>
      </c>
      <c r="C4002" s="12" t="s">
        <v>2270</v>
      </c>
    </row>
    <row r="4003" spans="1:3" ht="24">
      <c r="A4003" s="13">
        <v>4001</v>
      </c>
      <c r="B4003" s="11" t="s">
        <v>2278</v>
      </c>
      <c r="C4003" s="12" t="s">
        <v>2270</v>
      </c>
    </row>
    <row r="4004" spans="1:3" ht="24">
      <c r="A4004" s="13">
        <v>4002</v>
      </c>
      <c r="B4004" s="11" t="s">
        <v>2279</v>
      </c>
      <c r="C4004" s="12" t="s">
        <v>2270</v>
      </c>
    </row>
    <row r="4005" spans="1:3" ht="24">
      <c r="A4005" s="10">
        <v>4003</v>
      </c>
      <c r="B4005" s="11" t="s">
        <v>2280</v>
      </c>
      <c r="C4005" s="12" t="s">
        <v>2270</v>
      </c>
    </row>
    <row r="4006" spans="1:3" ht="24">
      <c r="A4006" s="13">
        <v>4004</v>
      </c>
      <c r="B4006" s="11" t="s">
        <v>2281</v>
      </c>
      <c r="C4006" s="12" t="s">
        <v>2270</v>
      </c>
    </row>
    <row r="4007" spans="1:3" ht="24">
      <c r="A4007" s="13">
        <v>4005</v>
      </c>
      <c r="B4007" s="11" t="s">
        <v>2282</v>
      </c>
      <c r="C4007" s="12" t="s">
        <v>2270</v>
      </c>
    </row>
    <row r="4008" spans="1:3" ht="24">
      <c r="A4008" s="13">
        <v>4006</v>
      </c>
      <c r="B4008" s="11" t="s">
        <v>2283</v>
      </c>
      <c r="C4008" s="12" t="s">
        <v>2270</v>
      </c>
    </row>
    <row r="4009" spans="1:3" ht="24">
      <c r="A4009" s="10">
        <v>4007</v>
      </c>
      <c r="B4009" s="11" t="s">
        <v>2283</v>
      </c>
      <c r="C4009" s="12" t="s">
        <v>2270</v>
      </c>
    </row>
    <row r="4010" spans="1:3" ht="24">
      <c r="A4010" s="13">
        <v>4008</v>
      </c>
      <c r="B4010" s="11" t="s">
        <v>2283</v>
      </c>
      <c r="C4010" s="12" t="s">
        <v>2270</v>
      </c>
    </row>
    <row r="4011" spans="1:3" ht="24">
      <c r="A4011" s="13">
        <v>4009</v>
      </c>
      <c r="B4011" s="11" t="s">
        <v>2283</v>
      </c>
      <c r="C4011" s="12" t="s">
        <v>2270</v>
      </c>
    </row>
    <row r="4012" spans="1:3" ht="24">
      <c r="A4012" s="13">
        <v>4010</v>
      </c>
      <c r="B4012" s="11" t="s">
        <v>2284</v>
      </c>
      <c r="C4012" s="12" t="s">
        <v>2270</v>
      </c>
    </row>
    <row r="4013" spans="1:3" ht="24">
      <c r="A4013" s="10">
        <v>4011</v>
      </c>
      <c r="B4013" s="11" t="s">
        <v>2285</v>
      </c>
      <c r="C4013" s="12" t="s">
        <v>2270</v>
      </c>
    </row>
    <row r="4014" spans="1:3" ht="24">
      <c r="A4014" s="13">
        <v>4012</v>
      </c>
      <c r="B4014" s="11" t="s">
        <v>2286</v>
      </c>
      <c r="C4014" s="12" t="s">
        <v>2270</v>
      </c>
    </row>
    <row r="4015" spans="1:3" ht="24">
      <c r="A4015" s="13">
        <v>4013</v>
      </c>
      <c r="B4015" s="11" t="s">
        <v>2287</v>
      </c>
      <c r="C4015" s="12" t="s">
        <v>2270</v>
      </c>
    </row>
    <row r="4016" spans="1:3" ht="24">
      <c r="A4016" s="13">
        <v>4014</v>
      </c>
      <c r="B4016" s="11" t="s">
        <v>2288</v>
      </c>
      <c r="C4016" s="12" t="s">
        <v>2270</v>
      </c>
    </row>
    <row r="4017" spans="1:3" ht="24">
      <c r="A4017" s="10">
        <v>4015</v>
      </c>
      <c r="B4017" s="11" t="s">
        <v>2292</v>
      </c>
      <c r="C4017" s="12" t="s">
        <v>2270</v>
      </c>
    </row>
    <row r="4018" spans="1:3" ht="24">
      <c r="A4018" s="13">
        <v>4016</v>
      </c>
      <c r="B4018" s="11" t="s">
        <v>1550</v>
      </c>
      <c r="C4018" s="12" t="s">
        <v>2270</v>
      </c>
    </row>
    <row r="4019" spans="1:3" ht="24">
      <c r="A4019" s="13">
        <v>4017</v>
      </c>
      <c r="B4019" s="11" t="s">
        <v>2294</v>
      </c>
      <c r="C4019" s="12" t="s">
        <v>2270</v>
      </c>
    </row>
    <row r="4020" spans="1:3" ht="24">
      <c r="A4020" s="13">
        <v>4018</v>
      </c>
      <c r="B4020" s="11" t="s">
        <v>2294</v>
      </c>
      <c r="C4020" s="12" t="s">
        <v>2270</v>
      </c>
    </row>
    <row r="4021" spans="1:3" ht="24">
      <c r="A4021" s="10">
        <v>4019</v>
      </c>
      <c r="B4021" s="11" t="s">
        <v>2294</v>
      </c>
      <c r="C4021" s="12" t="s">
        <v>2270</v>
      </c>
    </row>
    <row r="4022" spans="1:3" ht="24">
      <c r="A4022" s="13">
        <v>4020</v>
      </c>
      <c r="B4022" s="11" t="s">
        <v>2295</v>
      </c>
      <c r="C4022" s="12" t="s">
        <v>2270</v>
      </c>
    </row>
    <row r="4023" spans="1:3" ht="24">
      <c r="A4023" s="13">
        <v>4021</v>
      </c>
      <c r="B4023" s="11" t="s">
        <v>421</v>
      </c>
      <c r="C4023" s="12" t="s">
        <v>2270</v>
      </c>
    </row>
    <row r="4024" spans="1:3" ht="24">
      <c r="A4024" s="13">
        <v>4022</v>
      </c>
      <c r="B4024" s="11" t="s">
        <v>2296</v>
      </c>
      <c r="C4024" s="12" t="s">
        <v>2270</v>
      </c>
    </row>
    <row r="4025" spans="1:3" ht="24">
      <c r="A4025" s="10">
        <v>4023</v>
      </c>
      <c r="B4025" s="11" t="s">
        <v>2297</v>
      </c>
      <c r="C4025" s="12" t="s">
        <v>2270</v>
      </c>
    </row>
    <row r="4026" spans="1:3" ht="24">
      <c r="A4026" s="13">
        <v>4024</v>
      </c>
      <c r="B4026" s="11" t="s">
        <v>2298</v>
      </c>
      <c r="C4026" s="12" t="s">
        <v>2270</v>
      </c>
    </row>
    <row r="4027" spans="1:3" ht="24">
      <c r="A4027" s="13">
        <v>4025</v>
      </c>
      <c r="B4027" s="11" t="s">
        <v>2299</v>
      </c>
      <c r="C4027" s="12" t="s">
        <v>2270</v>
      </c>
    </row>
    <row r="4028" spans="1:3" ht="24">
      <c r="A4028" s="13">
        <v>4026</v>
      </c>
      <c r="B4028" s="11" t="s">
        <v>2299</v>
      </c>
      <c r="C4028" s="12" t="s">
        <v>2270</v>
      </c>
    </row>
    <row r="4029" spans="1:3" ht="24">
      <c r="A4029" s="10">
        <v>4027</v>
      </c>
      <c r="B4029" s="11" t="s">
        <v>412</v>
      </c>
      <c r="C4029" s="12" t="s">
        <v>2270</v>
      </c>
    </row>
    <row r="4030" spans="1:3" ht="24">
      <c r="A4030" s="13">
        <v>4028</v>
      </c>
      <c r="B4030" s="11" t="s">
        <v>412</v>
      </c>
      <c r="C4030" s="12" t="s">
        <v>2270</v>
      </c>
    </row>
    <row r="4031" spans="1:3" ht="24">
      <c r="A4031" s="13">
        <v>4029</v>
      </c>
      <c r="B4031" s="11" t="s">
        <v>2300</v>
      </c>
      <c r="C4031" s="12" t="s">
        <v>2270</v>
      </c>
    </row>
    <row r="4032" spans="1:3" ht="24">
      <c r="A4032" s="13">
        <v>4030</v>
      </c>
      <c r="B4032" s="11" t="s">
        <v>2300</v>
      </c>
      <c r="C4032" s="12" t="s">
        <v>2270</v>
      </c>
    </row>
    <row r="4033" spans="1:3" ht="24">
      <c r="A4033" s="10">
        <v>4031</v>
      </c>
      <c r="B4033" s="11" t="s">
        <v>2301</v>
      </c>
      <c r="C4033" s="12" t="s">
        <v>2270</v>
      </c>
    </row>
    <row r="4034" spans="1:3" ht="24">
      <c r="A4034" s="13">
        <v>4032</v>
      </c>
      <c r="B4034" s="11" t="s">
        <v>2302</v>
      </c>
      <c r="C4034" s="12" t="s">
        <v>2270</v>
      </c>
    </row>
    <row r="4035" spans="1:3" ht="24">
      <c r="A4035" s="13">
        <v>4033</v>
      </c>
      <c r="B4035" s="11" t="s">
        <v>2303</v>
      </c>
      <c r="C4035" s="12" t="s">
        <v>2270</v>
      </c>
    </row>
    <row r="4036" spans="1:3" ht="24">
      <c r="A4036" s="13">
        <v>4034</v>
      </c>
      <c r="B4036" s="11" t="s">
        <v>2304</v>
      </c>
      <c r="C4036" s="12" t="s">
        <v>2270</v>
      </c>
    </row>
    <row r="4037" spans="1:3" ht="24">
      <c r="A4037" s="10">
        <v>4035</v>
      </c>
      <c r="B4037" s="11" t="s">
        <v>2304</v>
      </c>
      <c r="C4037" s="12" t="s">
        <v>2270</v>
      </c>
    </row>
    <row r="4038" spans="1:3" ht="24">
      <c r="A4038" s="13">
        <v>4036</v>
      </c>
      <c r="B4038" s="11" t="s">
        <v>2305</v>
      </c>
      <c r="C4038" s="12" t="s">
        <v>2270</v>
      </c>
    </row>
    <row r="4039" spans="1:3" ht="24">
      <c r="A4039" s="13">
        <v>4037</v>
      </c>
      <c r="B4039" s="11" t="s">
        <v>2305</v>
      </c>
      <c r="C4039" s="12" t="s">
        <v>2270</v>
      </c>
    </row>
    <row r="4040" spans="1:3" ht="24">
      <c r="A4040" s="13">
        <v>4038</v>
      </c>
      <c r="B4040" s="11" t="s">
        <v>1377</v>
      </c>
      <c r="C4040" s="12" t="s">
        <v>2270</v>
      </c>
    </row>
    <row r="4041" spans="1:3" ht="24">
      <c r="A4041" s="10">
        <v>4039</v>
      </c>
      <c r="B4041" s="11" t="s">
        <v>2306</v>
      </c>
      <c r="C4041" s="12" t="s">
        <v>2270</v>
      </c>
    </row>
    <row r="4042" spans="1:3" ht="24">
      <c r="A4042" s="13">
        <v>4040</v>
      </c>
      <c r="B4042" s="11" t="s">
        <v>2306</v>
      </c>
      <c r="C4042" s="12" t="s">
        <v>2270</v>
      </c>
    </row>
    <row r="4043" spans="1:3" ht="24">
      <c r="A4043" s="13">
        <v>4041</v>
      </c>
      <c r="B4043" s="11" t="s">
        <v>2306</v>
      </c>
      <c r="C4043" s="12" t="s">
        <v>2270</v>
      </c>
    </row>
    <row r="4044" spans="1:3" ht="24">
      <c r="A4044" s="13">
        <v>4042</v>
      </c>
      <c r="B4044" s="11" t="s">
        <v>2183</v>
      </c>
      <c r="C4044" s="12" t="s">
        <v>2270</v>
      </c>
    </row>
    <row r="4045" spans="1:3" ht="24">
      <c r="A4045" s="10">
        <v>4043</v>
      </c>
      <c r="B4045" s="11" t="s">
        <v>2183</v>
      </c>
      <c r="C4045" s="12" t="s">
        <v>2270</v>
      </c>
    </row>
    <row r="4046" spans="1:3" ht="24">
      <c r="A4046" s="13">
        <v>4044</v>
      </c>
      <c r="B4046" s="11" t="s">
        <v>2183</v>
      </c>
      <c r="C4046" s="12" t="s">
        <v>2270</v>
      </c>
    </row>
    <row r="4047" spans="1:3" ht="24">
      <c r="A4047" s="13">
        <v>4045</v>
      </c>
      <c r="B4047" s="11" t="s">
        <v>2307</v>
      </c>
      <c r="C4047" s="12" t="s">
        <v>2270</v>
      </c>
    </row>
    <row r="4048" spans="1:3" ht="24">
      <c r="A4048" s="13">
        <v>4046</v>
      </c>
      <c r="B4048" s="11" t="s">
        <v>2308</v>
      </c>
      <c r="C4048" s="12" t="s">
        <v>2270</v>
      </c>
    </row>
    <row r="4049" spans="1:3" ht="24">
      <c r="A4049" s="10">
        <v>4047</v>
      </c>
      <c r="B4049" s="11" t="s">
        <v>2308</v>
      </c>
      <c r="C4049" s="12" t="s">
        <v>2270</v>
      </c>
    </row>
    <row r="4050" spans="1:3" ht="24">
      <c r="A4050" s="13">
        <v>4048</v>
      </c>
      <c r="B4050" s="11" t="s">
        <v>2308</v>
      </c>
      <c r="C4050" s="12" t="s">
        <v>2270</v>
      </c>
    </row>
    <row r="4051" spans="1:3" ht="24">
      <c r="A4051" s="13">
        <v>4049</v>
      </c>
      <c r="B4051" s="11" t="s">
        <v>2309</v>
      </c>
      <c r="C4051" s="12" t="s">
        <v>2270</v>
      </c>
    </row>
    <row r="4052" spans="1:3" ht="24">
      <c r="A4052" s="13">
        <v>4050</v>
      </c>
      <c r="B4052" s="11" t="s">
        <v>2310</v>
      </c>
      <c r="C4052" s="12" t="s">
        <v>2270</v>
      </c>
    </row>
    <row r="4053" spans="1:3" ht="24">
      <c r="A4053" s="10">
        <v>4051</v>
      </c>
      <c r="B4053" s="11" t="s">
        <v>2311</v>
      </c>
      <c r="C4053" s="12" t="s">
        <v>2270</v>
      </c>
    </row>
    <row r="4054" spans="1:3" ht="24">
      <c r="A4054" s="13">
        <v>4052</v>
      </c>
      <c r="B4054" s="11" t="s">
        <v>2068</v>
      </c>
      <c r="C4054" s="12" t="s">
        <v>2270</v>
      </c>
    </row>
    <row r="4055" spans="1:3" ht="24">
      <c r="A4055" s="13">
        <v>4053</v>
      </c>
      <c r="B4055" s="11" t="s">
        <v>2065</v>
      </c>
      <c r="C4055" s="12" t="s">
        <v>2270</v>
      </c>
    </row>
    <row r="4056" spans="1:3" ht="24">
      <c r="A4056" s="13">
        <v>4054</v>
      </c>
      <c r="B4056" s="11" t="s">
        <v>2069</v>
      </c>
      <c r="C4056" s="12" t="s">
        <v>2270</v>
      </c>
    </row>
    <row r="4057" spans="1:3" ht="24">
      <c r="A4057" s="10">
        <v>4055</v>
      </c>
      <c r="B4057" s="11" t="s">
        <v>2062</v>
      </c>
      <c r="C4057" s="12" t="s">
        <v>2270</v>
      </c>
    </row>
    <row r="4058" spans="1:3" ht="24">
      <c r="A4058" s="13">
        <v>4056</v>
      </c>
      <c r="B4058" s="11" t="s">
        <v>2312</v>
      </c>
      <c r="C4058" s="12" t="s">
        <v>2270</v>
      </c>
    </row>
    <row r="4059" spans="1:3" ht="24">
      <c r="A4059" s="13">
        <v>4057</v>
      </c>
      <c r="B4059" s="11" t="s">
        <v>2313</v>
      </c>
      <c r="C4059" s="12" t="s">
        <v>2270</v>
      </c>
    </row>
    <row r="4060" spans="1:3" ht="24">
      <c r="A4060" s="13">
        <v>4058</v>
      </c>
      <c r="B4060" s="11" t="s">
        <v>2314</v>
      </c>
      <c r="C4060" s="12" t="s">
        <v>2270</v>
      </c>
    </row>
    <row r="4061" spans="1:3" ht="24">
      <c r="A4061" s="10">
        <v>4059</v>
      </c>
      <c r="B4061" s="11" t="s">
        <v>2161</v>
      </c>
      <c r="C4061" s="12" t="s">
        <v>2270</v>
      </c>
    </row>
    <row r="4062" spans="1:3" ht="24">
      <c r="A4062" s="13">
        <v>4060</v>
      </c>
      <c r="B4062" s="11" t="s">
        <v>2315</v>
      </c>
      <c r="C4062" s="12" t="s">
        <v>2270</v>
      </c>
    </row>
    <row r="4063" spans="1:3" ht="31.5">
      <c r="A4063" s="13">
        <v>4061</v>
      </c>
      <c r="B4063" s="11" t="s">
        <v>2162</v>
      </c>
      <c r="C4063" s="12" t="s">
        <v>2270</v>
      </c>
    </row>
    <row r="4064" spans="1:3" ht="24">
      <c r="A4064" s="13">
        <v>4062</v>
      </c>
      <c r="B4064" s="11" t="s">
        <v>2316</v>
      </c>
      <c r="C4064" s="12" t="s">
        <v>2270</v>
      </c>
    </row>
    <row r="4065" spans="1:3" ht="24">
      <c r="A4065" s="10">
        <v>4063</v>
      </c>
      <c r="B4065" s="11" t="s">
        <v>2317</v>
      </c>
      <c r="C4065" s="12" t="s">
        <v>2270</v>
      </c>
    </row>
    <row r="4066" spans="1:3" ht="24">
      <c r="A4066" s="13">
        <v>4064</v>
      </c>
      <c r="B4066" s="11" t="s">
        <v>2318</v>
      </c>
      <c r="C4066" s="12" t="s">
        <v>2270</v>
      </c>
    </row>
    <row r="4067" spans="1:3" ht="24">
      <c r="A4067" s="13">
        <v>4065</v>
      </c>
      <c r="B4067" s="11" t="s">
        <v>2318</v>
      </c>
      <c r="C4067" s="12" t="s">
        <v>2270</v>
      </c>
    </row>
    <row r="4068" spans="1:3" ht="24">
      <c r="A4068" s="13">
        <v>4066</v>
      </c>
      <c r="B4068" s="11" t="s">
        <v>2318</v>
      </c>
      <c r="C4068" s="12" t="s">
        <v>2270</v>
      </c>
    </row>
    <row r="4069" spans="1:3" ht="24">
      <c r="A4069" s="10">
        <v>4067</v>
      </c>
      <c r="B4069" s="11" t="s">
        <v>1568</v>
      </c>
      <c r="C4069" s="12" t="s">
        <v>2270</v>
      </c>
    </row>
    <row r="4070" spans="1:3" ht="24">
      <c r="A4070" s="13">
        <v>4068</v>
      </c>
      <c r="B4070" s="11" t="s">
        <v>2319</v>
      </c>
      <c r="C4070" s="12" t="s">
        <v>2270</v>
      </c>
    </row>
    <row r="4071" spans="1:3" ht="24">
      <c r="A4071" s="13">
        <v>4069</v>
      </c>
      <c r="B4071" s="11" t="s">
        <v>2320</v>
      </c>
      <c r="C4071" s="12" t="s">
        <v>2270</v>
      </c>
    </row>
    <row r="4072" spans="1:3" ht="24">
      <c r="A4072" s="13">
        <v>4070</v>
      </c>
      <c r="B4072" s="11" t="s">
        <v>2321</v>
      </c>
      <c r="C4072" s="12" t="s">
        <v>2270</v>
      </c>
    </row>
    <row r="4073" spans="1:3" ht="24">
      <c r="A4073" s="10">
        <v>4071</v>
      </c>
      <c r="B4073" s="11" t="s">
        <v>2322</v>
      </c>
      <c r="C4073" s="12" t="s">
        <v>2270</v>
      </c>
    </row>
    <row r="4074" spans="1:3" ht="24">
      <c r="A4074" s="13">
        <v>4072</v>
      </c>
      <c r="B4074" s="11" t="s">
        <v>2322</v>
      </c>
      <c r="C4074" s="12" t="s">
        <v>2270</v>
      </c>
    </row>
    <row r="4075" spans="1:3" ht="24">
      <c r="A4075" s="13">
        <v>4073</v>
      </c>
      <c r="B4075" s="11" t="s">
        <v>2322</v>
      </c>
      <c r="C4075" s="12" t="s">
        <v>2270</v>
      </c>
    </row>
    <row r="4076" spans="1:3" ht="24">
      <c r="A4076" s="13">
        <v>4074</v>
      </c>
      <c r="B4076" s="11" t="s">
        <v>2323</v>
      </c>
      <c r="C4076" s="12" t="s">
        <v>2270</v>
      </c>
    </row>
    <row r="4077" spans="1:3" ht="24">
      <c r="A4077" s="10">
        <v>4075</v>
      </c>
      <c r="B4077" s="11" t="s">
        <v>2324</v>
      </c>
      <c r="C4077" s="12" t="s">
        <v>2270</v>
      </c>
    </row>
    <row r="4078" spans="1:3" ht="24">
      <c r="A4078" s="13">
        <v>4076</v>
      </c>
      <c r="B4078" s="11" t="s">
        <v>2325</v>
      </c>
      <c r="C4078" s="12" t="s">
        <v>2270</v>
      </c>
    </row>
    <row r="4079" spans="1:3" ht="24">
      <c r="A4079" s="13">
        <v>4077</v>
      </c>
      <c r="B4079" s="11" t="s">
        <v>2326</v>
      </c>
      <c r="C4079" s="12" t="s">
        <v>2270</v>
      </c>
    </row>
    <row r="4080" spans="1:3" ht="24">
      <c r="A4080" s="13">
        <v>4078</v>
      </c>
      <c r="B4080" s="11" t="s">
        <v>2327</v>
      </c>
      <c r="C4080" s="12" t="s">
        <v>2270</v>
      </c>
    </row>
    <row r="4081" spans="1:3" ht="24">
      <c r="A4081" s="10">
        <v>4079</v>
      </c>
      <c r="B4081" s="11" t="s">
        <v>2328</v>
      </c>
      <c r="C4081" s="12" t="s">
        <v>2270</v>
      </c>
    </row>
    <row r="4082" spans="1:3" ht="24">
      <c r="A4082" s="13">
        <v>4080</v>
      </c>
      <c r="B4082" s="11" t="s">
        <v>2329</v>
      </c>
      <c r="C4082" s="12" t="s">
        <v>2270</v>
      </c>
    </row>
    <row r="4083" spans="1:3" ht="24">
      <c r="A4083" s="13">
        <v>4081</v>
      </c>
      <c r="B4083" s="11" t="s">
        <v>2330</v>
      </c>
      <c r="C4083" s="12" t="s">
        <v>2270</v>
      </c>
    </row>
    <row r="4084" spans="1:3" ht="24">
      <c r="A4084" s="13">
        <v>4082</v>
      </c>
      <c r="B4084" s="11" t="s">
        <v>2331</v>
      </c>
      <c r="C4084" s="12" t="s">
        <v>2270</v>
      </c>
    </row>
    <row r="4085" spans="1:3" ht="24">
      <c r="A4085" s="10">
        <v>4083</v>
      </c>
      <c r="B4085" s="11" t="s">
        <v>2332</v>
      </c>
      <c r="C4085" s="12" t="s">
        <v>2270</v>
      </c>
    </row>
    <row r="4086" spans="1:3" ht="24">
      <c r="A4086" s="13">
        <v>4084</v>
      </c>
      <c r="B4086" s="11" t="s">
        <v>2333</v>
      </c>
      <c r="C4086" s="12" t="s">
        <v>2270</v>
      </c>
    </row>
    <row r="4087" spans="1:3" ht="24">
      <c r="A4087" s="13">
        <v>4085</v>
      </c>
      <c r="B4087" s="11" t="s">
        <v>2333</v>
      </c>
      <c r="C4087" s="12" t="s">
        <v>2270</v>
      </c>
    </row>
    <row r="4088" spans="1:3" ht="24">
      <c r="A4088" s="13">
        <v>4086</v>
      </c>
      <c r="B4088" s="11" t="s">
        <v>2333</v>
      </c>
      <c r="C4088" s="12" t="s">
        <v>2270</v>
      </c>
    </row>
    <row r="4089" spans="1:3" ht="24">
      <c r="A4089" s="10">
        <v>4087</v>
      </c>
      <c r="B4089" s="11" t="s">
        <v>2333</v>
      </c>
      <c r="C4089" s="12" t="s">
        <v>2270</v>
      </c>
    </row>
    <row r="4090" spans="1:3" ht="24">
      <c r="A4090" s="13">
        <v>4088</v>
      </c>
      <c r="B4090" s="11" t="s">
        <v>2333</v>
      </c>
      <c r="C4090" s="12" t="s">
        <v>2270</v>
      </c>
    </row>
    <row r="4091" spans="1:3" ht="24">
      <c r="A4091" s="13">
        <v>4089</v>
      </c>
      <c r="B4091" s="11" t="s">
        <v>2333</v>
      </c>
      <c r="C4091" s="12" t="s">
        <v>2270</v>
      </c>
    </row>
    <row r="4092" spans="1:3" ht="24">
      <c r="A4092" s="13">
        <v>4090</v>
      </c>
      <c r="B4092" s="11" t="s">
        <v>2333</v>
      </c>
      <c r="C4092" s="12" t="s">
        <v>2270</v>
      </c>
    </row>
    <row r="4093" spans="1:3" ht="24">
      <c r="A4093" s="10">
        <v>4091</v>
      </c>
      <c r="B4093" s="11" t="s">
        <v>2334</v>
      </c>
      <c r="C4093" s="12" t="s">
        <v>2270</v>
      </c>
    </row>
    <row r="4094" spans="1:3" ht="24">
      <c r="A4094" s="13">
        <v>4092</v>
      </c>
      <c r="B4094" s="11" t="s">
        <v>2335</v>
      </c>
      <c r="C4094" s="12" t="s">
        <v>2270</v>
      </c>
    </row>
    <row r="4095" spans="1:3" ht="24">
      <c r="A4095" s="13">
        <v>4093</v>
      </c>
      <c r="B4095" s="11" t="s">
        <v>2336</v>
      </c>
      <c r="C4095" s="12" t="s">
        <v>2270</v>
      </c>
    </row>
    <row r="4096" spans="1:3" ht="24">
      <c r="A4096" s="13">
        <v>4094</v>
      </c>
      <c r="B4096" s="11" t="s">
        <v>2163</v>
      </c>
      <c r="C4096" s="12" t="s">
        <v>2270</v>
      </c>
    </row>
    <row r="4097" spans="1:3" ht="24">
      <c r="A4097" s="10">
        <v>4095</v>
      </c>
      <c r="B4097" s="11" t="s">
        <v>2337</v>
      </c>
      <c r="C4097" s="12" t="s">
        <v>2270</v>
      </c>
    </row>
    <row r="4098" spans="1:3" ht="31.5">
      <c r="A4098" s="13">
        <v>4096</v>
      </c>
      <c r="B4098" s="11" t="s">
        <v>2071</v>
      </c>
      <c r="C4098" s="12" t="s">
        <v>2270</v>
      </c>
    </row>
    <row r="4099" spans="1:3" ht="24">
      <c r="A4099" s="13">
        <v>4097</v>
      </c>
      <c r="B4099" s="11" t="s">
        <v>2338</v>
      </c>
      <c r="C4099" s="12" t="s">
        <v>2270</v>
      </c>
    </row>
    <row r="4100" spans="1:3" ht="24">
      <c r="A4100" s="13">
        <v>4098</v>
      </c>
      <c r="B4100" s="11" t="s">
        <v>2339</v>
      </c>
      <c r="C4100" s="12" t="s">
        <v>2270</v>
      </c>
    </row>
    <row r="4101" spans="1:3" ht="24">
      <c r="A4101" s="10">
        <v>4099</v>
      </c>
      <c r="B4101" s="11" t="s">
        <v>2340</v>
      </c>
      <c r="C4101" s="12" t="s">
        <v>2270</v>
      </c>
    </row>
    <row r="4102" spans="1:3" ht="24">
      <c r="A4102" s="13">
        <v>4100</v>
      </c>
      <c r="B4102" s="11" t="s">
        <v>2341</v>
      </c>
      <c r="C4102" s="12" t="s">
        <v>2270</v>
      </c>
    </row>
    <row r="4103" spans="1:3" ht="24">
      <c r="A4103" s="13">
        <v>4101</v>
      </c>
      <c r="B4103" s="11" t="s">
        <v>2342</v>
      </c>
      <c r="C4103" s="12" t="s">
        <v>2270</v>
      </c>
    </row>
    <row r="4104" spans="1:3" ht="24">
      <c r="A4104" s="13">
        <v>4102</v>
      </c>
      <c r="B4104" s="11" t="s">
        <v>2343</v>
      </c>
      <c r="C4104" s="12" t="s">
        <v>2270</v>
      </c>
    </row>
    <row r="4105" spans="1:3" ht="24">
      <c r="A4105" s="10">
        <v>4103</v>
      </c>
      <c r="B4105" s="11" t="s">
        <v>2344</v>
      </c>
      <c r="C4105" s="12" t="s">
        <v>2270</v>
      </c>
    </row>
    <row r="4106" spans="1:3" ht="24">
      <c r="A4106" s="13">
        <v>4104</v>
      </c>
      <c r="B4106" s="10" t="s">
        <v>2287</v>
      </c>
      <c r="C4106" s="12" t="s">
        <v>2270</v>
      </c>
    </row>
    <row r="4107" spans="1:3" ht="31.5">
      <c r="A4107" s="13">
        <v>4105</v>
      </c>
      <c r="B4107" s="11" t="s">
        <v>2345</v>
      </c>
      <c r="C4107" s="12" t="s">
        <v>2270</v>
      </c>
    </row>
    <row r="4108" spans="1:3" ht="24">
      <c r="A4108" s="13">
        <v>4106</v>
      </c>
      <c r="B4108" s="11" t="s">
        <v>82</v>
      </c>
      <c r="C4108" s="12" t="s">
        <v>2270</v>
      </c>
    </row>
    <row r="4109" spans="1:3" ht="24">
      <c r="A4109" s="10">
        <v>4107</v>
      </c>
      <c r="B4109" s="11" t="s">
        <v>82</v>
      </c>
      <c r="C4109" s="12" t="s">
        <v>2270</v>
      </c>
    </row>
    <row r="4110" spans="1:3" ht="24">
      <c r="A4110" s="13">
        <v>4108</v>
      </c>
      <c r="B4110" s="20" t="s">
        <v>2346</v>
      </c>
      <c r="C4110" s="12" t="s">
        <v>2270</v>
      </c>
    </row>
    <row r="4111" spans="1:3" ht="24">
      <c r="A4111" s="13">
        <v>4109</v>
      </c>
      <c r="B4111" s="15" t="s">
        <v>2347</v>
      </c>
      <c r="C4111" s="12" t="s">
        <v>2270</v>
      </c>
    </row>
    <row r="4112" spans="1:3" ht="24">
      <c r="A4112" s="13">
        <v>4110</v>
      </c>
      <c r="B4112" s="10" t="s">
        <v>2348</v>
      </c>
      <c r="C4112" s="12" t="s">
        <v>2270</v>
      </c>
    </row>
    <row r="4113" spans="1:3" ht="24">
      <c r="A4113" s="10">
        <v>4111</v>
      </c>
      <c r="B4113" s="15" t="s">
        <v>2349</v>
      </c>
      <c r="C4113" s="12" t="s">
        <v>2270</v>
      </c>
    </row>
    <row r="4114" spans="1:3" ht="24">
      <c r="A4114" s="13">
        <v>4112</v>
      </c>
      <c r="B4114" s="10" t="s">
        <v>2350</v>
      </c>
      <c r="C4114" s="12" t="s">
        <v>2270</v>
      </c>
    </row>
    <row r="4115" spans="1:3" ht="24">
      <c r="A4115" s="13">
        <v>4113</v>
      </c>
      <c r="B4115" s="10" t="s">
        <v>2351</v>
      </c>
      <c r="C4115" s="12" t="s">
        <v>2270</v>
      </c>
    </row>
    <row r="4116" spans="1:3" ht="24">
      <c r="A4116" s="13">
        <v>4114</v>
      </c>
      <c r="B4116" s="19" t="s">
        <v>869</v>
      </c>
      <c r="C4116" s="12" t="s">
        <v>2270</v>
      </c>
    </row>
    <row r="4117" spans="1:3" ht="24">
      <c r="A4117" s="10">
        <v>4115</v>
      </c>
      <c r="B4117" s="11" t="s">
        <v>2352</v>
      </c>
      <c r="C4117" s="12" t="s">
        <v>2270</v>
      </c>
    </row>
    <row r="4118" spans="1:3" ht="24">
      <c r="A4118" s="13">
        <v>4116</v>
      </c>
      <c r="B4118" s="11" t="s">
        <v>2353</v>
      </c>
      <c r="C4118" s="12" t="s">
        <v>2270</v>
      </c>
    </row>
    <row r="4119" spans="1:3" ht="24">
      <c r="A4119" s="13">
        <v>4117</v>
      </c>
      <c r="B4119" s="11" t="s">
        <v>2354</v>
      </c>
      <c r="C4119" s="12" t="s">
        <v>2270</v>
      </c>
    </row>
    <row r="4120" spans="1:3" ht="24">
      <c r="A4120" s="13">
        <v>4118</v>
      </c>
      <c r="B4120" s="11" t="s">
        <v>2355</v>
      </c>
      <c r="C4120" s="12" t="s">
        <v>2270</v>
      </c>
    </row>
    <row r="4121" spans="1:3" ht="24">
      <c r="A4121" s="10">
        <v>4119</v>
      </c>
      <c r="B4121" s="11" t="s">
        <v>2355</v>
      </c>
      <c r="C4121" s="12" t="s">
        <v>2270</v>
      </c>
    </row>
    <row r="4122" spans="1:3" ht="24">
      <c r="A4122" s="13">
        <v>4120</v>
      </c>
      <c r="B4122" s="11" t="s">
        <v>2356</v>
      </c>
      <c r="C4122" s="12" t="s">
        <v>2270</v>
      </c>
    </row>
    <row r="4123" spans="1:3" ht="24">
      <c r="A4123" s="13">
        <v>4121</v>
      </c>
      <c r="B4123" s="11" t="s">
        <v>2356</v>
      </c>
      <c r="C4123" s="12" t="s">
        <v>2270</v>
      </c>
    </row>
    <row r="4124" spans="1:3" ht="24">
      <c r="A4124" s="13">
        <v>4122</v>
      </c>
      <c r="B4124" s="11" t="s">
        <v>2357</v>
      </c>
      <c r="C4124" s="12" t="s">
        <v>2270</v>
      </c>
    </row>
    <row r="4125" spans="1:3" ht="24">
      <c r="A4125" s="10">
        <v>4123</v>
      </c>
      <c r="B4125" s="11" t="s">
        <v>2357</v>
      </c>
      <c r="C4125" s="12" t="s">
        <v>2270</v>
      </c>
    </row>
    <row r="4126" spans="1:3" ht="24">
      <c r="A4126" s="13">
        <v>4124</v>
      </c>
      <c r="B4126" s="11" t="s">
        <v>2358</v>
      </c>
      <c r="C4126" s="12" t="s">
        <v>2270</v>
      </c>
    </row>
    <row r="4127" spans="1:3" ht="24">
      <c r="A4127" s="13">
        <v>4125</v>
      </c>
      <c r="B4127" s="11" t="s">
        <v>2358</v>
      </c>
      <c r="C4127" s="12" t="s">
        <v>2270</v>
      </c>
    </row>
    <row r="4128" spans="1:3" ht="24">
      <c r="A4128" s="13">
        <v>4126</v>
      </c>
      <c r="B4128" s="11" t="s">
        <v>2358</v>
      </c>
      <c r="C4128" s="12" t="s">
        <v>2270</v>
      </c>
    </row>
    <row r="4129" spans="1:3" ht="24">
      <c r="A4129" s="10">
        <v>4127</v>
      </c>
      <c r="B4129" s="11" t="s">
        <v>2359</v>
      </c>
      <c r="C4129" s="12" t="s">
        <v>2270</v>
      </c>
    </row>
    <row r="4130" spans="1:3" ht="24">
      <c r="A4130" s="13">
        <v>4128</v>
      </c>
      <c r="B4130" s="11" t="s">
        <v>1518</v>
      </c>
      <c r="C4130" s="12" t="s">
        <v>2270</v>
      </c>
    </row>
    <row r="4131" spans="1:3" ht="24">
      <c r="A4131" s="13">
        <v>4129</v>
      </c>
      <c r="B4131" s="11" t="s">
        <v>1518</v>
      </c>
      <c r="C4131" s="12" t="s">
        <v>2270</v>
      </c>
    </row>
    <row r="4132" spans="1:3" ht="24">
      <c r="A4132" s="13">
        <v>4130</v>
      </c>
      <c r="B4132" s="11" t="s">
        <v>1518</v>
      </c>
      <c r="C4132" s="12" t="s">
        <v>2270</v>
      </c>
    </row>
    <row r="4133" spans="1:3" ht="24">
      <c r="A4133" s="10">
        <v>4131</v>
      </c>
      <c r="B4133" s="11" t="s">
        <v>1518</v>
      </c>
      <c r="C4133" s="12" t="s">
        <v>2270</v>
      </c>
    </row>
    <row r="4134" spans="1:3" ht="24">
      <c r="A4134" s="13">
        <v>4132</v>
      </c>
      <c r="B4134" s="11" t="s">
        <v>2360</v>
      </c>
      <c r="C4134" s="12" t="s">
        <v>2270</v>
      </c>
    </row>
    <row r="4135" spans="1:3" ht="24">
      <c r="A4135" s="13">
        <v>4133</v>
      </c>
      <c r="B4135" s="11" t="s">
        <v>1451</v>
      </c>
      <c r="C4135" s="12" t="s">
        <v>2270</v>
      </c>
    </row>
    <row r="4136" spans="1:3" ht="24">
      <c r="A4136" s="13">
        <v>4134</v>
      </c>
      <c r="B4136" s="11" t="s">
        <v>2361</v>
      </c>
      <c r="C4136" s="12" t="s">
        <v>2270</v>
      </c>
    </row>
    <row r="4137" spans="1:3" ht="24">
      <c r="A4137" s="10">
        <v>4135</v>
      </c>
      <c r="B4137" s="11" t="s">
        <v>2362</v>
      </c>
      <c r="C4137" s="12" t="s">
        <v>2270</v>
      </c>
    </row>
    <row r="4138" spans="1:3" ht="24">
      <c r="A4138" s="13">
        <v>4136</v>
      </c>
      <c r="B4138" s="11" t="s">
        <v>2362</v>
      </c>
      <c r="C4138" s="12" t="s">
        <v>2270</v>
      </c>
    </row>
    <row r="4139" spans="1:3" ht="24">
      <c r="A4139" s="13">
        <v>4137</v>
      </c>
      <c r="B4139" s="11" t="s">
        <v>2363</v>
      </c>
      <c r="C4139" s="12" t="s">
        <v>2270</v>
      </c>
    </row>
    <row r="4140" spans="1:3" ht="24">
      <c r="A4140" s="13">
        <v>4138</v>
      </c>
      <c r="B4140" s="11" t="s">
        <v>2364</v>
      </c>
      <c r="C4140" s="12" t="s">
        <v>2270</v>
      </c>
    </row>
    <row r="4141" spans="1:3" ht="24">
      <c r="A4141" s="10">
        <v>4139</v>
      </c>
      <c r="B4141" s="11" t="s">
        <v>2364</v>
      </c>
      <c r="C4141" s="12" t="s">
        <v>2270</v>
      </c>
    </row>
    <row r="4142" spans="1:3" ht="24">
      <c r="A4142" s="13">
        <v>4140</v>
      </c>
      <c r="B4142" s="11" t="s">
        <v>2365</v>
      </c>
      <c r="C4142" s="12" t="s">
        <v>2270</v>
      </c>
    </row>
    <row r="4143" spans="1:3" ht="24">
      <c r="A4143" s="13">
        <v>4141</v>
      </c>
      <c r="B4143" s="11" t="s">
        <v>2366</v>
      </c>
      <c r="C4143" s="12" t="s">
        <v>2270</v>
      </c>
    </row>
    <row r="4144" spans="1:3" ht="24">
      <c r="A4144" s="13">
        <v>4142</v>
      </c>
      <c r="B4144" s="11" t="s">
        <v>2367</v>
      </c>
      <c r="C4144" s="12" t="s">
        <v>2270</v>
      </c>
    </row>
    <row r="4145" spans="1:3" ht="24">
      <c r="A4145" s="10">
        <v>4143</v>
      </c>
      <c r="B4145" s="11" t="s">
        <v>2368</v>
      </c>
      <c r="C4145" s="12" t="s">
        <v>2270</v>
      </c>
    </row>
    <row r="4146" spans="1:3" ht="24">
      <c r="A4146" s="13">
        <v>4144</v>
      </c>
      <c r="B4146" s="11" t="s">
        <v>2369</v>
      </c>
      <c r="C4146" s="12" t="s">
        <v>2270</v>
      </c>
    </row>
    <row r="4147" spans="1:3" ht="24">
      <c r="A4147" s="13">
        <v>4145</v>
      </c>
      <c r="B4147" s="11" t="s">
        <v>2370</v>
      </c>
      <c r="C4147" s="12" t="s">
        <v>2270</v>
      </c>
    </row>
    <row r="4148" spans="1:3" ht="24">
      <c r="A4148" s="13">
        <v>4146</v>
      </c>
      <c r="B4148" s="11" t="s">
        <v>2371</v>
      </c>
      <c r="C4148" s="12" t="s">
        <v>2270</v>
      </c>
    </row>
    <row r="4149" spans="1:3" ht="24">
      <c r="A4149" s="10">
        <v>4147</v>
      </c>
      <c r="B4149" s="11" t="s">
        <v>2371</v>
      </c>
      <c r="C4149" s="12" t="s">
        <v>2270</v>
      </c>
    </row>
    <row r="4150" spans="1:3" ht="24">
      <c r="A4150" s="13">
        <v>4148</v>
      </c>
      <c r="B4150" s="11" t="s">
        <v>2372</v>
      </c>
      <c r="C4150" s="12" t="s">
        <v>2270</v>
      </c>
    </row>
    <row r="4151" spans="1:3" ht="24">
      <c r="A4151" s="13">
        <v>4149</v>
      </c>
      <c r="B4151" s="11" t="s">
        <v>2373</v>
      </c>
      <c r="C4151" s="12" t="s">
        <v>2270</v>
      </c>
    </row>
    <row r="4152" spans="1:3" ht="24">
      <c r="A4152" s="13">
        <v>4150</v>
      </c>
      <c r="B4152" s="11" t="s">
        <v>2374</v>
      </c>
      <c r="C4152" s="12" t="s">
        <v>2270</v>
      </c>
    </row>
    <row r="4153" spans="1:3" ht="24">
      <c r="A4153" s="10">
        <v>4151</v>
      </c>
      <c r="B4153" s="11" t="s">
        <v>2375</v>
      </c>
      <c r="C4153" s="12" t="s">
        <v>2270</v>
      </c>
    </row>
    <row r="4154" spans="1:3" ht="24">
      <c r="A4154" s="13">
        <v>4152</v>
      </c>
      <c r="B4154" s="11" t="s">
        <v>2376</v>
      </c>
      <c r="C4154" s="12" t="s">
        <v>2270</v>
      </c>
    </row>
    <row r="4155" spans="1:3" ht="24">
      <c r="A4155" s="13">
        <v>4153</v>
      </c>
      <c r="B4155" s="11" t="s">
        <v>2377</v>
      </c>
      <c r="C4155" s="12" t="s">
        <v>2270</v>
      </c>
    </row>
    <row r="4156" spans="1:3" ht="24">
      <c r="A4156" s="13">
        <v>4154</v>
      </c>
      <c r="B4156" s="11" t="s">
        <v>2378</v>
      </c>
      <c r="C4156" s="12" t="s">
        <v>2270</v>
      </c>
    </row>
    <row r="4157" spans="1:3" ht="24">
      <c r="A4157" s="10">
        <v>4155</v>
      </c>
      <c r="B4157" s="11" t="s">
        <v>2379</v>
      </c>
      <c r="C4157" s="12" t="s">
        <v>2270</v>
      </c>
    </row>
    <row r="4158" spans="1:3" ht="31.5">
      <c r="A4158" s="13">
        <v>4156</v>
      </c>
      <c r="B4158" s="11" t="s">
        <v>2380</v>
      </c>
      <c r="C4158" s="12" t="s">
        <v>2270</v>
      </c>
    </row>
    <row r="4159" spans="1:3" ht="31.5">
      <c r="A4159" s="13">
        <v>4157</v>
      </c>
      <c r="B4159" s="11" t="s">
        <v>2381</v>
      </c>
      <c r="C4159" s="12" t="s">
        <v>2270</v>
      </c>
    </row>
    <row r="4160" spans="1:3" ht="31.5">
      <c r="A4160" s="13">
        <v>4158</v>
      </c>
      <c r="B4160" s="11" t="s">
        <v>2382</v>
      </c>
      <c r="C4160" s="12" t="s">
        <v>2270</v>
      </c>
    </row>
    <row r="4161" spans="1:3" ht="24">
      <c r="A4161" s="10">
        <v>4159</v>
      </c>
      <c r="B4161" s="11" t="s">
        <v>2383</v>
      </c>
      <c r="C4161" s="12" t="s">
        <v>2270</v>
      </c>
    </row>
    <row r="4162" spans="1:3" ht="31.5">
      <c r="A4162" s="13">
        <v>4160</v>
      </c>
      <c r="B4162" s="11" t="s">
        <v>2384</v>
      </c>
      <c r="C4162" s="12" t="s">
        <v>2270</v>
      </c>
    </row>
    <row r="4163" spans="1:3" ht="31.5">
      <c r="A4163" s="13">
        <v>4161</v>
      </c>
      <c r="B4163" s="11" t="s">
        <v>2385</v>
      </c>
      <c r="C4163" s="12" t="s">
        <v>2270</v>
      </c>
    </row>
    <row r="4164" spans="1:3" ht="47.25">
      <c r="A4164" s="13">
        <v>4162</v>
      </c>
      <c r="B4164" s="11" t="s">
        <v>2386</v>
      </c>
      <c r="C4164" s="12" t="s">
        <v>2270</v>
      </c>
    </row>
    <row r="4165" spans="1:3" ht="31.5">
      <c r="A4165" s="10">
        <v>4163</v>
      </c>
      <c r="B4165" s="11" t="s">
        <v>2387</v>
      </c>
      <c r="C4165" s="12" t="s">
        <v>2270</v>
      </c>
    </row>
    <row r="4166" spans="1:3" ht="31.5">
      <c r="A4166" s="13">
        <v>4164</v>
      </c>
      <c r="B4166" s="11" t="s">
        <v>2388</v>
      </c>
      <c r="C4166" s="12" t="s">
        <v>2270</v>
      </c>
    </row>
    <row r="4167" spans="1:3" ht="31.5">
      <c r="A4167" s="13">
        <v>4165</v>
      </c>
      <c r="B4167" s="11" t="s">
        <v>2388</v>
      </c>
      <c r="C4167" s="12" t="s">
        <v>2270</v>
      </c>
    </row>
    <row r="4168" spans="1:3" ht="31.5">
      <c r="A4168" s="13">
        <v>4166</v>
      </c>
      <c r="B4168" s="11" t="s">
        <v>2388</v>
      </c>
      <c r="C4168" s="12" t="s">
        <v>2270</v>
      </c>
    </row>
    <row r="4169" spans="1:3" ht="31.5">
      <c r="A4169" s="10">
        <v>4167</v>
      </c>
      <c r="B4169" s="11" t="s">
        <v>2388</v>
      </c>
      <c r="C4169" s="12" t="s">
        <v>2270</v>
      </c>
    </row>
    <row r="4170" spans="1:3" ht="31.5">
      <c r="A4170" s="13">
        <v>4168</v>
      </c>
      <c r="B4170" s="11" t="s">
        <v>2222</v>
      </c>
      <c r="C4170" s="12" t="s">
        <v>2270</v>
      </c>
    </row>
    <row r="4171" spans="1:3" ht="31.5">
      <c r="A4171" s="13">
        <v>4169</v>
      </c>
      <c r="B4171" s="11" t="s">
        <v>2222</v>
      </c>
      <c r="C4171" s="12" t="s">
        <v>2270</v>
      </c>
    </row>
    <row r="4172" spans="1:3" ht="31.5">
      <c r="A4172" s="13">
        <v>4170</v>
      </c>
      <c r="B4172" s="11" t="s">
        <v>2222</v>
      </c>
      <c r="C4172" s="12" t="s">
        <v>2270</v>
      </c>
    </row>
    <row r="4173" spans="1:3" ht="31.5">
      <c r="A4173" s="10">
        <v>4171</v>
      </c>
      <c r="B4173" s="11" t="s">
        <v>2222</v>
      </c>
      <c r="C4173" s="12" t="s">
        <v>2270</v>
      </c>
    </row>
    <row r="4174" spans="1:3" ht="24">
      <c r="A4174" s="13">
        <v>4172</v>
      </c>
      <c r="B4174" s="11" t="s">
        <v>2389</v>
      </c>
      <c r="C4174" s="12" t="s">
        <v>2270</v>
      </c>
    </row>
    <row r="4175" spans="1:3" ht="24">
      <c r="A4175" s="13">
        <v>4173</v>
      </c>
      <c r="B4175" s="11" t="s">
        <v>2389</v>
      </c>
      <c r="C4175" s="12" t="s">
        <v>2270</v>
      </c>
    </row>
    <row r="4176" spans="1:3" ht="24">
      <c r="A4176" s="13">
        <v>4174</v>
      </c>
      <c r="B4176" s="11" t="s">
        <v>2389</v>
      </c>
      <c r="C4176" s="12" t="s">
        <v>2270</v>
      </c>
    </row>
    <row r="4177" spans="1:3" ht="24">
      <c r="A4177" s="10">
        <v>4175</v>
      </c>
      <c r="B4177" s="11" t="s">
        <v>2389</v>
      </c>
      <c r="C4177" s="12" t="s">
        <v>2270</v>
      </c>
    </row>
    <row r="4178" spans="1:3" ht="24">
      <c r="A4178" s="13">
        <v>4176</v>
      </c>
      <c r="B4178" s="11" t="s">
        <v>2389</v>
      </c>
      <c r="C4178" s="12" t="s">
        <v>2270</v>
      </c>
    </row>
    <row r="4179" spans="1:3" ht="24">
      <c r="A4179" s="13">
        <v>4177</v>
      </c>
      <c r="B4179" s="11" t="s">
        <v>2390</v>
      </c>
      <c r="C4179" s="12" t="s">
        <v>2270</v>
      </c>
    </row>
    <row r="4180" spans="1:3" ht="24">
      <c r="A4180" s="13">
        <v>4178</v>
      </c>
      <c r="B4180" s="11" t="s">
        <v>2391</v>
      </c>
      <c r="C4180" s="12" t="s">
        <v>2270</v>
      </c>
    </row>
    <row r="4181" spans="1:3" ht="24">
      <c r="A4181" s="10">
        <v>4179</v>
      </c>
      <c r="B4181" s="11" t="s">
        <v>2392</v>
      </c>
      <c r="C4181" s="12" t="s">
        <v>2270</v>
      </c>
    </row>
    <row r="4182" spans="1:3" ht="24">
      <c r="A4182" s="13">
        <v>4180</v>
      </c>
      <c r="B4182" s="11" t="s">
        <v>2393</v>
      </c>
      <c r="C4182" s="12" t="s">
        <v>2270</v>
      </c>
    </row>
    <row r="4183" spans="1:3" ht="24">
      <c r="A4183" s="13">
        <v>4181</v>
      </c>
      <c r="B4183" s="11" t="s">
        <v>2394</v>
      </c>
      <c r="C4183" s="12" t="s">
        <v>2270</v>
      </c>
    </row>
    <row r="4184" spans="1:3" ht="24">
      <c r="A4184" s="13">
        <v>4182</v>
      </c>
      <c r="B4184" s="11" t="s">
        <v>2395</v>
      </c>
      <c r="C4184" s="12" t="s">
        <v>2270</v>
      </c>
    </row>
    <row r="4185" spans="1:3" ht="24">
      <c r="A4185" s="10">
        <v>4183</v>
      </c>
      <c r="B4185" s="11" t="s">
        <v>2395</v>
      </c>
      <c r="C4185" s="12" t="s">
        <v>2270</v>
      </c>
    </row>
    <row r="4186" spans="1:3" ht="24">
      <c r="A4186" s="13">
        <v>4184</v>
      </c>
      <c r="B4186" s="11" t="s">
        <v>2396</v>
      </c>
      <c r="C4186" s="12" t="s">
        <v>2270</v>
      </c>
    </row>
    <row r="4187" spans="1:3" ht="24">
      <c r="A4187" s="13">
        <v>4185</v>
      </c>
      <c r="B4187" s="11" t="s">
        <v>2397</v>
      </c>
      <c r="C4187" s="12" t="s">
        <v>2270</v>
      </c>
    </row>
    <row r="4188" spans="1:3" ht="24">
      <c r="A4188" s="13">
        <v>4186</v>
      </c>
      <c r="B4188" s="11" t="s">
        <v>2397</v>
      </c>
      <c r="C4188" s="12" t="s">
        <v>2270</v>
      </c>
    </row>
    <row r="4189" spans="1:3" ht="24">
      <c r="A4189" s="10">
        <v>4187</v>
      </c>
      <c r="B4189" s="11" t="s">
        <v>2208</v>
      </c>
      <c r="C4189" s="12" t="s">
        <v>2270</v>
      </c>
    </row>
    <row r="4190" spans="1:3" ht="24">
      <c r="A4190" s="13">
        <v>4188</v>
      </c>
      <c r="B4190" s="11" t="s">
        <v>2208</v>
      </c>
      <c r="C4190" s="12" t="s">
        <v>2270</v>
      </c>
    </row>
    <row r="4191" spans="1:3" ht="24">
      <c r="A4191" s="13">
        <v>4189</v>
      </c>
      <c r="B4191" s="11" t="s">
        <v>2208</v>
      </c>
      <c r="C4191" s="12" t="s">
        <v>2270</v>
      </c>
    </row>
    <row r="4192" spans="1:3" ht="24">
      <c r="A4192" s="13">
        <v>4190</v>
      </c>
      <c r="B4192" s="11" t="s">
        <v>2208</v>
      </c>
      <c r="C4192" s="12" t="s">
        <v>2270</v>
      </c>
    </row>
    <row r="4193" spans="1:3" ht="24">
      <c r="A4193" s="10">
        <v>4191</v>
      </c>
      <c r="B4193" s="11" t="s">
        <v>2208</v>
      </c>
      <c r="C4193" s="12" t="s">
        <v>2270</v>
      </c>
    </row>
    <row r="4194" spans="1:3" ht="24">
      <c r="A4194" s="13">
        <v>4192</v>
      </c>
      <c r="B4194" s="11" t="s">
        <v>2208</v>
      </c>
      <c r="C4194" s="12" t="s">
        <v>2270</v>
      </c>
    </row>
    <row r="4195" spans="1:3" ht="24">
      <c r="A4195" s="13">
        <v>4193</v>
      </c>
      <c r="B4195" s="11" t="s">
        <v>1060</v>
      </c>
      <c r="C4195" s="12" t="s">
        <v>2270</v>
      </c>
    </row>
    <row r="4196" spans="1:3" ht="24">
      <c r="A4196" s="13">
        <v>4194</v>
      </c>
      <c r="B4196" s="11" t="s">
        <v>1060</v>
      </c>
      <c r="C4196" s="12" t="s">
        <v>2270</v>
      </c>
    </row>
    <row r="4197" spans="1:3" ht="24">
      <c r="A4197" s="10">
        <v>4195</v>
      </c>
      <c r="B4197" s="11" t="s">
        <v>1060</v>
      </c>
      <c r="C4197" s="12" t="s">
        <v>2270</v>
      </c>
    </row>
    <row r="4198" spans="1:3" ht="24">
      <c r="A4198" s="13">
        <v>4196</v>
      </c>
      <c r="B4198" s="11" t="s">
        <v>1060</v>
      </c>
      <c r="C4198" s="12" t="s">
        <v>2270</v>
      </c>
    </row>
    <row r="4199" spans="1:3" ht="24">
      <c r="A4199" s="13">
        <v>4197</v>
      </c>
      <c r="B4199" s="11" t="s">
        <v>1060</v>
      </c>
      <c r="C4199" s="12" t="s">
        <v>2270</v>
      </c>
    </row>
    <row r="4200" spans="1:3" ht="24">
      <c r="A4200" s="13">
        <v>4198</v>
      </c>
      <c r="B4200" s="11" t="s">
        <v>1060</v>
      </c>
      <c r="C4200" s="12" t="s">
        <v>2270</v>
      </c>
    </row>
    <row r="4201" spans="1:3" ht="24">
      <c r="A4201" s="10">
        <v>4199</v>
      </c>
      <c r="B4201" s="11" t="s">
        <v>2398</v>
      </c>
      <c r="C4201" s="12" t="s">
        <v>2270</v>
      </c>
    </row>
    <row r="4202" spans="1:3" ht="24">
      <c r="A4202" s="13">
        <v>4200</v>
      </c>
      <c r="B4202" s="11" t="s">
        <v>2399</v>
      </c>
      <c r="C4202" s="12" t="s">
        <v>2270</v>
      </c>
    </row>
    <row r="4203" spans="1:3" ht="24">
      <c r="A4203" s="13">
        <v>4201</v>
      </c>
      <c r="B4203" s="11" t="s">
        <v>2400</v>
      </c>
      <c r="C4203" s="12" t="s">
        <v>2270</v>
      </c>
    </row>
    <row r="4204" spans="1:3" ht="24">
      <c r="A4204" s="13">
        <v>4202</v>
      </c>
      <c r="B4204" s="11" t="s">
        <v>2401</v>
      </c>
      <c r="C4204" s="12" t="s">
        <v>2270</v>
      </c>
    </row>
    <row r="4205" spans="1:3" ht="31.5">
      <c r="A4205" s="10">
        <v>4203</v>
      </c>
      <c r="B4205" s="11" t="s">
        <v>2402</v>
      </c>
      <c r="C4205" s="12" t="s">
        <v>2270</v>
      </c>
    </row>
    <row r="4206" spans="1:3" ht="24">
      <c r="A4206" s="13">
        <v>4204</v>
      </c>
      <c r="B4206" s="11" t="s">
        <v>2403</v>
      </c>
      <c r="C4206" s="12" t="s">
        <v>2270</v>
      </c>
    </row>
    <row r="4207" spans="1:3" ht="24">
      <c r="A4207" s="13">
        <v>4205</v>
      </c>
      <c r="B4207" s="11" t="s">
        <v>2404</v>
      </c>
      <c r="C4207" s="12" t="s">
        <v>2270</v>
      </c>
    </row>
    <row r="4208" spans="1:3" ht="24">
      <c r="A4208" s="13">
        <v>4206</v>
      </c>
      <c r="B4208" s="11" t="s">
        <v>2405</v>
      </c>
      <c r="C4208" s="12" t="s">
        <v>2270</v>
      </c>
    </row>
    <row r="4209" spans="1:3" ht="24">
      <c r="A4209" s="10">
        <v>4207</v>
      </c>
      <c r="B4209" s="11" t="s">
        <v>2405</v>
      </c>
      <c r="C4209" s="12" t="s">
        <v>2270</v>
      </c>
    </row>
    <row r="4210" spans="1:3" ht="24">
      <c r="A4210" s="13">
        <v>4208</v>
      </c>
      <c r="B4210" s="11" t="s">
        <v>2406</v>
      </c>
      <c r="C4210" s="12" t="s">
        <v>2270</v>
      </c>
    </row>
    <row r="4211" spans="1:3" ht="24">
      <c r="A4211" s="13">
        <v>4209</v>
      </c>
      <c r="B4211" s="11" t="s">
        <v>2407</v>
      </c>
      <c r="C4211" s="12" t="s">
        <v>2270</v>
      </c>
    </row>
    <row r="4212" spans="1:3" ht="24">
      <c r="A4212" s="13">
        <v>4210</v>
      </c>
      <c r="B4212" s="11" t="s">
        <v>2408</v>
      </c>
      <c r="C4212" s="12" t="s">
        <v>2270</v>
      </c>
    </row>
    <row r="4213" spans="1:3" ht="24">
      <c r="A4213" s="10">
        <v>4211</v>
      </c>
      <c r="B4213" s="11" t="s">
        <v>2409</v>
      </c>
      <c r="C4213" s="12" t="s">
        <v>2270</v>
      </c>
    </row>
    <row r="4214" spans="1:3" ht="24">
      <c r="A4214" s="13">
        <v>4212</v>
      </c>
      <c r="B4214" s="11" t="s">
        <v>2410</v>
      </c>
      <c r="C4214" s="12" t="s">
        <v>2270</v>
      </c>
    </row>
    <row r="4215" spans="1:3" ht="24">
      <c r="A4215" s="13">
        <v>4213</v>
      </c>
      <c r="B4215" s="11" t="s">
        <v>2411</v>
      </c>
      <c r="C4215" s="12" t="s">
        <v>2270</v>
      </c>
    </row>
    <row r="4216" spans="1:3" ht="24">
      <c r="A4216" s="13">
        <v>4214</v>
      </c>
      <c r="B4216" s="11" t="s">
        <v>2411</v>
      </c>
      <c r="C4216" s="12" t="s">
        <v>2270</v>
      </c>
    </row>
    <row r="4217" spans="1:3" ht="24">
      <c r="A4217" s="10">
        <v>4215</v>
      </c>
      <c r="B4217" s="11" t="s">
        <v>2412</v>
      </c>
      <c r="C4217" s="12" t="s">
        <v>2270</v>
      </c>
    </row>
    <row r="4218" spans="1:3" ht="24">
      <c r="A4218" s="13">
        <v>4216</v>
      </c>
      <c r="B4218" s="11" t="s">
        <v>2412</v>
      </c>
      <c r="C4218" s="12" t="s">
        <v>2270</v>
      </c>
    </row>
    <row r="4219" spans="1:3" ht="24">
      <c r="A4219" s="13">
        <v>4217</v>
      </c>
      <c r="B4219" s="11" t="s">
        <v>2413</v>
      </c>
      <c r="C4219" s="12" t="s">
        <v>2270</v>
      </c>
    </row>
    <row r="4220" spans="1:3" ht="24">
      <c r="A4220" s="13">
        <v>4218</v>
      </c>
      <c r="B4220" s="11" t="s">
        <v>2414</v>
      </c>
      <c r="C4220" s="12" t="s">
        <v>2270</v>
      </c>
    </row>
    <row r="4221" spans="1:3" ht="24">
      <c r="A4221" s="10">
        <v>4219</v>
      </c>
      <c r="B4221" s="11" t="s">
        <v>2414</v>
      </c>
      <c r="C4221" s="12" t="s">
        <v>2270</v>
      </c>
    </row>
    <row r="4222" spans="1:3" ht="24">
      <c r="A4222" s="13">
        <v>4220</v>
      </c>
      <c r="B4222" s="11" t="s">
        <v>2414</v>
      </c>
      <c r="C4222" s="12" t="s">
        <v>2270</v>
      </c>
    </row>
    <row r="4223" spans="1:3" ht="24">
      <c r="A4223" s="13">
        <v>4221</v>
      </c>
      <c r="B4223" s="11" t="s">
        <v>2415</v>
      </c>
      <c r="C4223" s="12" t="s">
        <v>2270</v>
      </c>
    </row>
    <row r="4224" spans="1:3" ht="24">
      <c r="A4224" s="13">
        <v>4222</v>
      </c>
      <c r="B4224" s="11" t="s">
        <v>2416</v>
      </c>
      <c r="C4224" s="12" t="s">
        <v>2270</v>
      </c>
    </row>
    <row r="4225" spans="1:3" ht="24">
      <c r="A4225" s="10">
        <v>4223</v>
      </c>
      <c r="B4225" s="11" t="s">
        <v>2417</v>
      </c>
      <c r="C4225" s="12" t="s">
        <v>2270</v>
      </c>
    </row>
    <row r="4226" spans="1:3" ht="24">
      <c r="A4226" s="13">
        <v>4224</v>
      </c>
      <c r="B4226" s="11" t="s">
        <v>2418</v>
      </c>
      <c r="C4226" s="12" t="s">
        <v>2270</v>
      </c>
    </row>
    <row r="4227" spans="1:3" ht="24">
      <c r="A4227" s="13">
        <v>4225</v>
      </c>
      <c r="B4227" s="11" t="s">
        <v>246</v>
      </c>
      <c r="C4227" s="12" t="s">
        <v>2270</v>
      </c>
    </row>
    <row r="4228" spans="1:3" ht="24">
      <c r="A4228" s="13">
        <v>4226</v>
      </c>
      <c r="B4228" s="11" t="s">
        <v>246</v>
      </c>
      <c r="C4228" s="12" t="s">
        <v>2270</v>
      </c>
    </row>
    <row r="4229" spans="1:3" ht="24">
      <c r="A4229" s="10">
        <v>4227</v>
      </c>
      <c r="B4229" s="11" t="s">
        <v>246</v>
      </c>
      <c r="C4229" s="12" t="s">
        <v>2270</v>
      </c>
    </row>
    <row r="4230" spans="1:3" ht="24">
      <c r="A4230" s="13">
        <v>4228</v>
      </c>
      <c r="B4230" s="11" t="s">
        <v>246</v>
      </c>
      <c r="C4230" s="12" t="s">
        <v>2270</v>
      </c>
    </row>
    <row r="4231" spans="1:3" ht="24">
      <c r="A4231" s="13">
        <v>4229</v>
      </c>
      <c r="B4231" s="11" t="s">
        <v>246</v>
      </c>
      <c r="C4231" s="12" t="s">
        <v>2270</v>
      </c>
    </row>
    <row r="4232" spans="1:3" ht="24">
      <c r="A4232" s="13">
        <v>4230</v>
      </c>
      <c r="B4232" s="11" t="s">
        <v>246</v>
      </c>
      <c r="C4232" s="12" t="s">
        <v>2270</v>
      </c>
    </row>
    <row r="4233" spans="1:3" ht="24">
      <c r="A4233" s="10">
        <v>4231</v>
      </c>
      <c r="B4233" s="11" t="s">
        <v>246</v>
      </c>
      <c r="C4233" s="12" t="s">
        <v>2270</v>
      </c>
    </row>
    <row r="4234" spans="1:3" ht="24">
      <c r="A4234" s="13">
        <v>4232</v>
      </c>
      <c r="B4234" s="11" t="s">
        <v>246</v>
      </c>
      <c r="C4234" s="12" t="s">
        <v>2270</v>
      </c>
    </row>
    <row r="4235" spans="1:3" ht="24">
      <c r="A4235" s="13">
        <v>4233</v>
      </c>
      <c r="B4235" s="11" t="s">
        <v>246</v>
      </c>
      <c r="C4235" s="12" t="s">
        <v>2270</v>
      </c>
    </row>
    <row r="4236" spans="1:3" ht="24">
      <c r="A4236" s="13">
        <v>4234</v>
      </c>
      <c r="B4236" s="11" t="s">
        <v>2419</v>
      </c>
      <c r="C4236" s="12" t="s">
        <v>2270</v>
      </c>
    </row>
    <row r="4237" spans="1:3" ht="31.5">
      <c r="A4237" s="10">
        <v>4235</v>
      </c>
      <c r="B4237" s="11" t="s">
        <v>2420</v>
      </c>
      <c r="C4237" s="12" t="s">
        <v>2270</v>
      </c>
    </row>
    <row r="4238" spans="1:3" ht="24">
      <c r="A4238" s="13">
        <v>4236</v>
      </c>
      <c r="B4238" s="11" t="s">
        <v>2421</v>
      </c>
      <c r="C4238" s="12" t="s">
        <v>2270</v>
      </c>
    </row>
    <row r="4239" spans="1:3" ht="24">
      <c r="A4239" s="13">
        <v>4237</v>
      </c>
      <c r="B4239" s="11" t="s">
        <v>2422</v>
      </c>
      <c r="C4239" s="12" t="s">
        <v>2270</v>
      </c>
    </row>
    <row r="4240" spans="1:3" ht="24">
      <c r="A4240" s="13">
        <v>4238</v>
      </c>
      <c r="B4240" s="11" t="s">
        <v>2423</v>
      </c>
      <c r="C4240" s="12" t="s">
        <v>2270</v>
      </c>
    </row>
    <row r="4241" spans="1:3" ht="24">
      <c r="A4241" s="10">
        <v>4239</v>
      </c>
      <c r="B4241" s="11" t="s">
        <v>2424</v>
      </c>
      <c r="C4241" s="12" t="s">
        <v>2270</v>
      </c>
    </row>
    <row r="4242" spans="1:3" ht="24">
      <c r="A4242" s="13">
        <v>4240</v>
      </c>
      <c r="B4242" s="11" t="s">
        <v>2425</v>
      </c>
      <c r="C4242" s="12" t="s">
        <v>2270</v>
      </c>
    </row>
    <row r="4243" spans="1:3" ht="24">
      <c r="A4243" s="13">
        <v>4241</v>
      </c>
      <c r="B4243" s="11" t="s">
        <v>2426</v>
      </c>
      <c r="C4243" s="12" t="s">
        <v>2270</v>
      </c>
    </row>
    <row r="4244" spans="1:3" ht="24">
      <c r="A4244" s="13">
        <v>4242</v>
      </c>
      <c r="B4244" s="11" t="s">
        <v>2427</v>
      </c>
      <c r="C4244" s="12" t="s">
        <v>2270</v>
      </c>
    </row>
    <row r="4245" spans="1:3" ht="24">
      <c r="A4245" s="10">
        <v>4243</v>
      </c>
      <c r="B4245" s="11" t="s">
        <v>2427</v>
      </c>
      <c r="C4245" s="12" t="s">
        <v>2270</v>
      </c>
    </row>
    <row r="4246" spans="1:3" ht="24">
      <c r="A4246" s="13">
        <v>4244</v>
      </c>
      <c r="B4246" s="11" t="s">
        <v>2427</v>
      </c>
      <c r="C4246" s="12" t="s">
        <v>2270</v>
      </c>
    </row>
    <row r="4247" spans="1:3" ht="24">
      <c r="A4247" s="13">
        <v>4245</v>
      </c>
      <c r="B4247" s="11" t="s">
        <v>2428</v>
      </c>
      <c r="C4247" s="12" t="s">
        <v>2270</v>
      </c>
    </row>
    <row r="4248" spans="1:3" ht="24">
      <c r="A4248" s="13">
        <v>4246</v>
      </c>
      <c r="B4248" s="11" t="s">
        <v>2429</v>
      </c>
      <c r="C4248" s="12" t="s">
        <v>2270</v>
      </c>
    </row>
    <row r="4249" spans="1:3" ht="24">
      <c r="A4249" s="10">
        <v>4247</v>
      </c>
      <c r="B4249" s="11" t="s">
        <v>2430</v>
      </c>
      <c r="C4249" s="12" t="s">
        <v>2270</v>
      </c>
    </row>
    <row r="4250" spans="1:3" ht="24">
      <c r="A4250" s="13">
        <v>4248</v>
      </c>
      <c r="B4250" s="11" t="s">
        <v>2431</v>
      </c>
      <c r="C4250" s="12" t="s">
        <v>2270</v>
      </c>
    </row>
    <row r="4251" spans="1:3" ht="24">
      <c r="A4251" s="13">
        <v>4249</v>
      </c>
      <c r="B4251" s="11" t="s">
        <v>2431</v>
      </c>
      <c r="C4251" s="12" t="s">
        <v>2270</v>
      </c>
    </row>
    <row r="4252" spans="1:3" ht="24">
      <c r="A4252" s="13">
        <v>4250</v>
      </c>
      <c r="B4252" s="11" t="s">
        <v>2431</v>
      </c>
      <c r="C4252" s="12" t="s">
        <v>2270</v>
      </c>
    </row>
    <row r="4253" spans="1:3" ht="24">
      <c r="A4253" s="10">
        <v>4251</v>
      </c>
      <c r="B4253" s="11" t="s">
        <v>2431</v>
      </c>
      <c r="C4253" s="12" t="s">
        <v>2270</v>
      </c>
    </row>
    <row r="4254" spans="1:3" ht="24">
      <c r="A4254" s="13">
        <v>4252</v>
      </c>
      <c r="B4254" s="11" t="s">
        <v>2431</v>
      </c>
      <c r="C4254" s="12" t="s">
        <v>2270</v>
      </c>
    </row>
    <row r="4255" spans="1:3" ht="24">
      <c r="A4255" s="13">
        <v>4253</v>
      </c>
      <c r="B4255" s="11" t="s">
        <v>2431</v>
      </c>
      <c r="C4255" s="12" t="s">
        <v>2270</v>
      </c>
    </row>
    <row r="4256" spans="1:3" ht="24">
      <c r="A4256" s="13">
        <v>4254</v>
      </c>
      <c r="B4256" s="11" t="s">
        <v>2431</v>
      </c>
      <c r="C4256" s="12" t="s">
        <v>2270</v>
      </c>
    </row>
    <row r="4257" spans="1:3" ht="24">
      <c r="A4257" s="10">
        <v>4255</v>
      </c>
      <c r="B4257" s="11" t="s">
        <v>2431</v>
      </c>
      <c r="C4257" s="12" t="s">
        <v>2270</v>
      </c>
    </row>
    <row r="4258" spans="1:3" ht="24">
      <c r="A4258" s="13">
        <v>4256</v>
      </c>
      <c r="B4258" s="11" t="s">
        <v>2431</v>
      </c>
      <c r="C4258" s="12" t="s">
        <v>2270</v>
      </c>
    </row>
    <row r="4259" spans="1:3" ht="24">
      <c r="A4259" s="13">
        <v>4257</v>
      </c>
      <c r="B4259" s="11" t="s">
        <v>2431</v>
      </c>
      <c r="C4259" s="12" t="s">
        <v>2270</v>
      </c>
    </row>
    <row r="4260" spans="1:3" ht="24">
      <c r="A4260" s="13">
        <v>4258</v>
      </c>
      <c r="B4260" s="11" t="s">
        <v>2431</v>
      </c>
      <c r="C4260" s="12" t="s">
        <v>2270</v>
      </c>
    </row>
    <row r="4261" spans="1:3" ht="24">
      <c r="A4261" s="10">
        <v>4259</v>
      </c>
      <c r="B4261" s="11" t="s">
        <v>2431</v>
      </c>
      <c r="C4261" s="12" t="s">
        <v>2270</v>
      </c>
    </row>
    <row r="4262" spans="1:3" ht="24">
      <c r="A4262" s="13">
        <v>4260</v>
      </c>
      <c r="B4262" s="11" t="s">
        <v>2431</v>
      </c>
      <c r="C4262" s="12" t="s">
        <v>2270</v>
      </c>
    </row>
    <row r="4263" spans="1:3" ht="24">
      <c r="A4263" s="13">
        <v>4261</v>
      </c>
      <c r="B4263" s="11" t="s">
        <v>2431</v>
      </c>
      <c r="C4263" s="12" t="s">
        <v>2270</v>
      </c>
    </row>
    <row r="4264" spans="1:3" ht="24">
      <c r="A4264" s="13">
        <v>4262</v>
      </c>
      <c r="B4264" s="11" t="s">
        <v>2431</v>
      </c>
      <c r="C4264" s="12" t="s">
        <v>2270</v>
      </c>
    </row>
    <row r="4265" spans="1:3" ht="24">
      <c r="A4265" s="10">
        <v>4263</v>
      </c>
      <c r="B4265" s="11" t="s">
        <v>2432</v>
      </c>
      <c r="C4265" s="12" t="s">
        <v>2270</v>
      </c>
    </row>
    <row r="4266" spans="1:3" ht="24">
      <c r="A4266" s="13">
        <v>4264</v>
      </c>
      <c r="B4266" s="11" t="s">
        <v>2432</v>
      </c>
      <c r="C4266" s="12" t="s">
        <v>2270</v>
      </c>
    </row>
    <row r="4267" spans="1:3" ht="24">
      <c r="A4267" s="13">
        <v>4265</v>
      </c>
      <c r="B4267" s="11" t="s">
        <v>2432</v>
      </c>
      <c r="C4267" s="12" t="s">
        <v>2270</v>
      </c>
    </row>
    <row r="4268" spans="1:3" ht="24">
      <c r="A4268" s="13">
        <v>4266</v>
      </c>
      <c r="B4268" s="11" t="s">
        <v>2432</v>
      </c>
      <c r="C4268" s="12" t="s">
        <v>2270</v>
      </c>
    </row>
    <row r="4269" spans="1:3" ht="24">
      <c r="A4269" s="10">
        <v>4267</v>
      </c>
      <c r="B4269" s="11" t="s">
        <v>2432</v>
      </c>
      <c r="C4269" s="12" t="s">
        <v>2270</v>
      </c>
    </row>
    <row r="4270" spans="1:3" ht="24">
      <c r="A4270" s="13">
        <v>4268</v>
      </c>
      <c r="B4270" s="11" t="s">
        <v>2432</v>
      </c>
      <c r="C4270" s="12" t="s">
        <v>2270</v>
      </c>
    </row>
    <row r="4271" spans="1:3" ht="24">
      <c r="A4271" s="13">
        <v>4269</v>
      </c>
      <c r="B4271" s="11" t="s">
        <v>2432</v>
      </c>
      <c r="C4271" s="12" t="s">
        <v>2270</v>
      </c>
    </row>
    <row r="4272" spans="1:3" ht="24">
      <c r="A4272" s="13">
        <v>4270</v>
      </c>
      <c r="B4272" s="11" t="s">
        <v>2432</v>
      </c>
      <c r="C4272" s="12" t="s">
        <v>2270</v>
      </c>
    </row>
    <row r="4273" spans="1:3" ht="24">
      <c r="A4273" s="10">
        <v>4271</v>
      </c>
      <c r="B4273" s="11" t="s">
        <v>2432</v>
      </c>
      <c r="C4273" s="12" t="s">
        <v>2270</v>
      </c>
    </row>
    <row r="4274" spans="1:3" ht="24">
      <c r="A4274" s="13">
        <v>4272</v>
      </c>
      <c r="B4274" s="11" t="s">
        <v>2432</v>
      </c>
      <c r="C4274" s="12" t="s">
        <v>2270</v>
      </c>
    </row>
    <row r="4275" spans="1:3" ht="24">
      <c r="A4275" s="13">
        <v>4273</v>
      </c>
      <c r="B4275" s="11" t="s">
        <v>2432</v>
      </c>
      <c r="C4275" s="12" t="s">
        <v>2270</v>
      </c>
    </row>
    <row r="4276" spans="1:3" ht="24">
      <c r="A4276" s="13">
        <v>4274</v>
      </c>
      <c r="B4276" s="11" t="s">
        <v>2432</v>
      </c>
      <c r="C4276" s="12" t="s">
        <v>2270</v>
      </c>
    </row>
    <row r="4277" spans="1:3" ht="24">
      <c r="A4277" s="10">
        <v>4275</v>
      </c>
      <c r="B4277" s="11" t="s">
        <v>2432</v>
      </c>
      <c r="C4277" s="12" t="s">
        <v>2270</v>
      </c>
    </row>
    <row r="4278" spans="1:3" ht="24">
      <c r="A4278" s="13">
        <v>4276</v>
      </c>
      <c r="B4278" s="11" t="s">
        <v>2432</v>
      </c>
      <c r="C4278" s="12" t="s">
        <v>2270</v>
      </c>
    </row>
    <row r="4279" spans="1:3" ht="24">
      <c r="A4279" s="13">
        <v>4277</v>
      </c>
      <c r="B4279" s="11" t="s">
        <v>2432</v>
      </c>
      <c r="C4279" s="12" t="s">
        <v>2270</v>
      </c>
    </row>
    <row r="4280" spans="1:3" ht="24">
      <c r="A4280" s="13">
        <v>4278</v>
      </c>
      <c r="B4280" s="11" t="s">
        <v>2433</v>
      </c>
      <c r="C4280" s="12" t="s">
        <v>2270</v>
      </c>
    </row>
    <row r="4281" spans="1:3" ht="24">
      <c r="A4281" s="10">
        <v>4279</v>
      </c>
      <c r="B4281" s="11" t="s">
        <v>2434</v>
      </c>
      <c r="C4281" s="12" t="s">
        <v>2270</v>
      </c>
    </row>
    <row r="4282" spans="1:3" ht="24">
      <c r="A4282" s="13">
        <v>4280</v>
      </c>
      <c r="B4282" s="11" t="s">
        <v>2435</v>
      </c>
      <c r="C4282" s="12" t="s">
        <v>2270</v>
      </c>
    </row>
    <row r="4283" spans="1:3" ht="31.5">
      <c r="A4283" s="13">
        <v>4281</v>
      </c>
      <c r="B4283" s="11" t="s">
        <v>2436</v>
      </c>
      <c r="C4283" s="12" t="s">
        <v>2270</v>
      </c>
    </row>
    <row r="4284" spans="1:3" ht="24">
      <c r="A4284" s="13">
        <v>4282</v>
      </c>
      <c r="B4284" s="11" t="s">
        <v>1697</v>
      </c>
      <c r="C4284" s="12" t="s">
        <v>2270</v>
      </c>
    </row>
    <row r="4285" spans="1:3" ht="24">
      <c r="A4285" s="10">
        <v>4283</v>
      </c>
      <c r="B4285" s="11" t="s">
        <v>2437</v>
      </c>
      <c r="C4285" s="12" t="s">
        <v>2270</v>
      </c>
    </row>
    <row r="4286" spans="1:3" ht="24">
      <c r="A4286" s="13">
        <v>4284</v>
      </c>
      <c r="B4286" s="11" t="s">
        <v>1451</v>
      </c>
      <c r="C4286" s="12" t="s">
        <v>2270</v>
      </c>
    </row>
    <row r="4287" spans="1:3" ht="24">
      <c r="A4287" s="13">
        <v>4285</v>
      </c>
      <c r="B4287" s="11" t="s">
        <v>1451</v>
      </c>
      <c r="C4287" s="12" t="s">
        <v>2270</v>
      </c>
    </row>
    <row r="4288" spans="1:3" ht="24">
      <c r="A4288" s="13">
        <v>4286</v>
      </c>
      <c r="B4288" s="11" t="s">
        <v>2438</v>
      </c>
      <c r="C4288" s="12" t="s">
        <v>2270</v>
      </c>
    </row>
    <row r="4289" spans="1:3" ht="24">
      <c r="A4289" s="10">
        <v>4287</v>
      </c>
      <c r="B4289" s="11" t="s">
        <v>2439</v>
      </c>
      <c r="C4289" s="12" t="s">
        <v>2270</v>
      </c>
    </row>
    <row r="4290" spans="1:3" ht="24">
      <c r="A4290" s="13">
        <v>4288</v>
      </c>
      <c r="B4290" s="11" t="s">
        <v>2440</v>
      </c>
      <c r="C4290" s="12" t="s">
        <v>2270</v>
      </c>
    </row>
    <row r="4291" spans="1:3" ht="24">
      <c r="A4291" s="13">
        <v>4289</v>
      </c>
      <c r="B4291" s="11" t="s">
        <v>2441</v>
      </c>
      <c r="C4291" s="12" t="s">
        <v>2270</v>
      </c>
    </row>
    <row r="4292" spans="1:3" ht="24">
      <c r="A4292" s="13">
        <v>4290</v>
      </c>
      <c r="B4292" s="11" t="s">
        <v>2442</v>
      </c>
      <c r="C4292" s="12" t="s">
        <v>2270</v>
      </c>
    </row>
    <row r="4293" spans="1:3" ht="31.5">
      <c r="A4293" s="10">
        <v>4291</v>
      </c>
      <c r="B4293" s="11" t="s">
        <v>2443</v>
      </c>
      <c r="C4293" s="12" t="s">
        <v>2270</v>
      </c>
    </row>
    <row r="4294" spans="1:3" ht="24">
      <c r="A4294" s="13">
        <v>4292</v>
      </c>
      <c r="B4294" s="11" t="s">
        <v>2444</v>
      </c>
      <c r="C4294" s="12" t="s">
        <v>2270</v>
      </c>
    </row>
    <row r="4295" spans="1:3" ht="24">
      <c r="A4295" s="13">
        <v>4293</v>
      </c>
      <c r="B4295" s="11" t="s">
        <v>2445</v>
      </c>
      <c r="C4295" s="12" t="s">
        <v>2270</v>
      </c>
    </row>
    <row r="4296" spans="1:3" ht="24">
      <c r="A4296" s="13">
        <v>4294</v>
      </c>
      <c r="B4296" s="11" t="s">
        <v>2446</v>
      </c>
      <c r="C4296" s="12" t="s">
        <v>2270</v>
      </c>
    </row>
    <row r="4297" spans="1:3" ht="24">
      <c r="A4297" s="10">
        <v>4295</v>
      </c>
      <c r="B4297" s="11" t="s">
        <v>2447</v>
      </c>
      <c r="C4297" s="12" t="s">
        <v>2270</v>
      </c>
    </row>
    <row r="4298" spans="1:3" ht="24">
      <c r="A4298" s="13">
        <v>4296</v>
      </c>
      <c r="B4298" s="11" t="s">
        <v>2447</v>
      </c>
      <c r="C4298" s="12" t="s">
        <v>2270</v>
      </c>
    </row>
    <row r="4299" spans="1:3" ht="24">
      <c r="A4299" s="13">
        <v>4297</v>
      </c>
      <c r="B4299" s="11" t="s">
        <v>2447</v>
      </c>
      <c r="C4299" s="12" t="s">
        <v>2270</v>
      </c>
    </row>
    <row r="4300" spans="1:3" ht="24">
      <c r="A4300" s="13">
        <v>4298</v>
      </c>
      <c r="B4300" s="11" t="s">
        <v>2447</v>
      </c>
      <c r="C4300" s="12" t="s">
        <v>2270</v>
      </c>
    </row>
    <row r="4301" spans="1:3" ht="24">
      <c r="A4301" s="10">
        <v>4299</v>
      </c>
      <c r="B4301" s="11" t="s">
        <v>2447</v>
      </c>
      <c r="C4301" s="12" t="s">
        <v>2270</v>
      </c>
    </row>
    <row r="4302" spans="1:3" ht="24">
      <c r="A4302" s="13">
        <v>4300</v>
      </c>
      <c r="B4302" s="11" t="s">
        <v>2447</v>
      </c>
      <c r="C4302" s="12" t="s">
        <v>2270</v>
      </c>
    </row>
    <row r="4303" spans="1:3" ht="24">
      <c r="A4303" s="13">
        <v>4301</v>
      </c>
      <c r="B4303" s="11" t="s">
        <v>2447</v>
      </c>
      <c r="C4303" s="12" t="s">
        <v>2270</v>
      </c>
    </row>
    <row r="4304" spans="1:3" ht="24">
      <c r="A4304" s="13">
        <v>4302</v>
      </c>
      <c r="B4304" s="11" t="s">
        <v>2448</v>
      </c>
      <c r="C4304" s="12" t="s">
        <v>2270</v>
      </c>
    </row>
    <row r="4305" spans="1:3" ht="24">
      <c r="A4305" s="10">
        <v>4303</v>
      </c>
      <c r="B4305" s="11" t="s">
        <v>2449</v>
      </c>
      <c r="C4305" s="12" t="s">
        <v>2270</v>
      </c>
    </row>
    <row r="4306" spans="1:3" ht="24">
      <c r="A4306" s="13">
        <v>4304</v>
      </c>
      <c r="B4306" s="11" t="s">
        <v>2449</v>
      </c>
      <c r="C4306" s="12" t="s">
        <v>2270</v>
      </c>
    </row>
    <row r="4307" spans="1:3" ht="24">
      <c r="A4307" s="13">
        <v>4305</v>
      </c>
      <c r="B4307" s="10" t="s">
        <v>2450</v>
      </c>
      <c r="C4307" s="12" t="s">
        <v>2270</v>
      </c>
    </row>
    <row r="4308" spans="1:3" ht="24">
      <c r="A4308" s="13">
        <v>4306</v>
      </c>
      <c r="B4308" s="10" t="s">
        <v>2451</v>
      </c>
      <c r="C4308" s="12" t="s">
        <v>2270</v>
      </c>
    </row>
    <row r="4309" spans="1:3" ht="24">
      <c r="A4309" s="10">
        <v>4307</v>
      </c>
      <c r="B4309" s="15" t="s">
        <v>2452</v>
      </c>
      <c r="C4309" s="12" t="s">
        <v>2270</v>
      </c>
    </row>
    <row r="4310" spans="1:3" ht="24">
      <c r="A4310" s="13">
        <v>4308</v>
      </c>
      <c r="B4310" s="10" t="s">
        <v>2453</v>
      </c>
      <c r="C4310" s="12" t="s">
        <v>2270</v>
      </c>
    </row>
    <row r="4311" spans="1:3" ht="24">
      <c r="A4311" s="13">
        <v>4309</v>
      </c>
      <c r="B4311" s="10" t="s">
        <v>2454</v>
      </c>
      <c r="C4311" s="12" t="s">
        <v>2270</v>
      </c>
    </row>
    <row r="4312" spans="1:3" ht="31.5">
      <c r="A4312" s="13">
        <v>4310</v>
      </c>
      <c r="B4312" s="19" t="s">
        <v>2455</v>
      </c>
      <c r="C4312" s="12" t="s">
        <v>2270</v>
      </c>
    </row>
    <row r="4313" spans="1:3" ht="24">
      <c r="A4313" s="10">
        <v>4311</v>
      </c>
      <c r="B4313" s="11" t="s">
        <v>2456</v>
      </c>
      <c r="C4313" s="12" t="s">
        <v>2270</v>
      </c>
    </row>
    <row r="4314" spans="1:3" ht="24">
      <c r="A4314" s="13">
        <v>4312</v>
      </c>
      <c r="B4314" s="11" t="s">
        <v>2457</v>
      </c>
      <c r="C4314" s="12" t="s">
        <v>2270</v>
      </c>
    </row>
    <row r="4315" spans="1:3" ht="24">
      <c r="A4315" s="13">
        <v>4313</v>
      </c>
      <c r="B4315" s="11" t="s">
        <v>2458</v>
      </c>
      <c r="C4315" s="12" t="s">
        <v>2270</v>
      </c>
    </row>
    <row r="4316" spans="1:3" ht="24">
      <c r="A4316" s="13">
        <v>4314</v>
      </c>
      <c r="B4316" s="11" t="s">
        <v>2459</v>
      </c>
      <c r="C4316" s="12" t="s">
        <v>2270</v>
      </c>
    </row>
    <row r="4317" spans="1:3" ht="24">
      <c r="A4317" s="10">
        <v>4315</v>
      </c>
      <c r="B4317" s="11" t="s">
        <v>2460</v>
      </c>
      <c r="C4317" s="12" t="s">
        <v>2270</v>
      </c>
    </row>
    <row r="4318" spans="1:3" ht="24">
      <c r="A4318" s="13">
        <v>4316</v>
      </c>
      <c r="B4318" s="11" t="s">
        <v>2461</v>
      </c>
      <c r="C4318" s="12" t="s">
        <v>2270</v>
      </c>
    </row>
    <row r="4319" spans="1:3" ht="24">
      <c r="A4319" s="13">
        <v>4317</v>
      </c>
      <c r="B4319" s="11" t="s">
        <v>2462</v>
      </c>
      <c r="C4319" s="12" t="s">
        <v>2270</v>
      </c>
    </row>
    <row r="4320" spans="1:3" ht="24">
      <c r="A4320" s="13">
        <v>4318</v>
      </c>
      <c r="B4320" s="11" t="s">
        <v>2463</v>
      </c>
      <c r="C4320" s="12" t="s">
        <v>2270</v>
      </c>
    </row>
    <row r="4321" spans="1:3" ht="24">
      <c r="A4321" s="10">
        <v>4319</v>
      </c>
      <c r="B4321" s="11" t="s">
        <v>2464</v>
      </c>
      <c r="C4321" s="12" t="s">
        <v>2270</v>
      </c>
    </row>
    <row r="4322" spans="1:3" ht="24">
      <c r="A4322" s="13">
        <v>4320</v>
      </c>
      <c r="B4322" s="11" t="s">
        <v>2465</v>
      </c>
      <c r="C4322" s="12" t="s">
        <v>2270</v>
      </c>
    </row>
    <row r="4323" spans="1:3" ht="24">
      <c r="A4323" s="13">
        <v>4321</v>
      </c>
      <c r="B4323" s="11" t="s">
        <v>2466</v>
      </c>
      <c r="C4323" s="12" t="s">
        <v>2270</v>
      </c>
    </row>
    <row r="4324" spans="1:3" ht="24">
      <c r="A4324" s="13">
        <v>4322</v>
      </c>
      <c r="B4324" s="11" t="s">
        <v>2467</v>
      </c>
      <c r="C4324" s="12" t="s">
        <v>2270</v>
      </c>
    </row>
    <row r="4325" spans="1:3" ht="24">
      <c r="A4325" s="10">
        <v>4323</v>
      </c>
      <c r="B4325" s="11" t="s">
        <v>2468</v>
      </c>
      <c r="C4325" s="12" t="s">
        <v>2270</v>
      </c>
    </row>
    <row r="4326" spans="1:3" ht="24">
      <c r="A4326" s="13">
        <v>4324</v>
      </c>
      <c r="B4326" s="11" t="s">
        <v>2469</v>
      </c>
      <c r="C4326" s="12" t="s">
        <v>2270</v>
      </c>
    </row>
    <row r="4327" spans="1:3" ht="24">
      <c r="A4327" s="13">
        <v>4325</v>
      </c>
      <c r="B4327" s="11" t="s">
        <v>2470</v>
      </c>
      <c r="C4327" s="12" t="s">
        <v>2270</v>
      </c>
    </row>
    <row r="4328" spans="1:3" ht="31.5">
      <c r="A4328" s="13">
        <v>4326</v>
      </c>
      <c r="B4328" s="11" t="s">
        <v>2471</v>
      </c>
      <c r="C4328" s="12" t="s">
        <v>2270</v>
      </c>
    </row>
    <row r="4329" spans="1:3" ht="24">
      <c r="A4329" s="10">
        <v>4327</v>
      </c>
      <c r="B4329" s="11" t="s">
        <v>2472</v>
      </c>
      <c r="C4329" s="12" t="s">
        <v>2270</v>
      </c>
    </row>
    <row r="4330" spans="1:3" ht="24">
      <c r="A4330" s="13">
        <v>4328</v>
      </c>
      <c r="B4330" s="11" t="s">
        <v>2473</v>
      </c>
      <c r="C4330" s="12" t="s">
        <v>2270</v>
      </c>
    </row>
    <row r="4331" spans="1:3" ht="24">
      <c r="A4331" s="13">
        <v>4329</v>
      </c>
      <c r="B4331" s="11" t="s">
        <v>2474</v>
      </c>
      <c r="C4331" s="12" t="s">
        <v>2270</v>
      </c>
    </row>
    <row r="4332" spans="1:3" ht="24">
      <c r="A4332" s="13">
        <v>4330</v>
      </c>
      <c r="B4332" s="11" t="s">
        <v>2475</v>
      </c>
      <c r="C4332" s="12" t="s">
        <v>2270</v>
      </c>
    </row>
    <row r="4333" spans="1:3" ht="24">
      <c r="A4333" s="10">
        <v>4331</v>
      </c>
      <c r="B4333" s="11" t="s">
        <v>2476</v>
      </c>
      <c r="C4333" s="12" t="s">
        <v>2270</v>
      </c>
    </row>
    <row r="4334" spans="1:3" ht="24">
      <c r="A4334" s="13">
        <v>4332</v>
      </c>
      <c r="B4334" s="11" t="s">
        <v>2477</v>
      </c>
      <c r="C4334" s="12" t="s">
        <v>2270</v>
      </c>
    </row>
    <row r="4335" spans="1:3" ht="24">
      <c r="A4335" s="13">
        <v>4333</v>
      </c>
      <c r="B4335" s="11" t="s">
        <v>2478</v>
      </c>
      <c r="C4335" s="12" t="s">
        <v>2270</v>
      </c>
    </row>
    <row r="4336" spans="1:3" ht="24">
      <c r="A4336" s="13">
        <v>4334</v>
      </c>
      <c r="B4336" s="11" t="s">
        <v>2479</v>
      </c>
      <c r="C4336" s="12" t="s">
        <v>2270</v>
      </c>
    </row>
    <row r="4337" spans="1:3" ht="24">
      <c r="A4337" s="10">
        <v>4335</v>
      </c>
      <c r="B4337" s="11" t="s">
        <v>2477</v>
      </c>
      <c r="C4337" s="12" t="s">
        <v>2270</v>
      </c>
    </row>
    <row r="4338" spans="1:3" ht="24">
      <c r="A4338" s="13">
        <v>4336</v>
      </c>
      <c r="B4338" s="11" t="s">
        <v>2480</v>
      </c>
      <c r="C4338" s="12" t="s">
        <v>2270</v>
      </c>
    </row>
    <row r="4339" spans="1:3" ht="24">
      <c r="A4339" s="13">
        <v>4337</v>
      </c>
      <c r="B4339" s="11" t="s">
        <v>2474</v>
      </c>
      <c r="C4339" s="12" t="s">
        <v>2270</v>
      </c>
    </row>
    <row r="4340" spans="1:3" ht="24">
      <c r="A4340" s="13">
        <v>4338</v>
      </c>
      <c r="B4340" s="11" t="s">
        <v>2481</v>
      </c>
      <c r="C4340" s="12" t="s">
        <v>2270</v>
      </c>
    </row>
    <row r="4341" spans="1:3" ht="24">
      <c r="A4341" s="10">
        <v>4339</v>
      </c>
      <c r="B4341" s="11" t="s">
        <v>2482</v>
      </c>
      <c r="C4341" s="12" t="s">
        <v>2270</v>
      </c>
    </row>
    <row r="4342" spans="1:3" ht="24">
      <c r="A4342" s="13">
        <v>4340</v>
      </c>
      <c r="B4342" s="11" t="s">
        <v>2483</v>
      </c>
      <c r="C4342" s="12" t="s">
        <v>2270</v>
      </c>
    </row>
    <row r="4343" spans="1:3" ht="24">
      <c r="A4343" s="13">
        <v>4341</v>
      </c>
      <c r="B4343" s="11" t="s">
        <v>2484</v>
      </c>
      <c r="C4343" s="12" t="s">
        <v>2270</v>
      </c>
    </row>
    <row r="4344" spans="1:3" ht="24">
      <c r="A4344" s="13">
        <v>4342</v>
      </c>
      <c r="B4344" s="11" t="s">
        <v>2485</v>
      </c>
      <c r="C4344" s="12" t="s">
        <v>2270</v>
      </c>
    </row>
    <row r="4345" spans="1:3" ht="24">
      <c r="A4345" s="10">
        <v>4343</v>
      </c>
      <c r="B4345" s="11" t="s">
        <v>2486</v>
      </c>
      <c r="C4345" s="12" t="s">
        <v>2270</v>
      </c>
    </row>
    <row r="4346" spans="1:3" ht="24">
      <c r="A4346" s="13">
        <v>4344</v>
      </c>
      <c r="B4346" s="11" t="s">
        <v>2487</v>
      </c>
      <c r="C4346" s="12" t="s">
        <v>2270</v>
      </c>
    </row>
    <row r="4347" spans="1:3" ht="24">
      <c r="A4347" s="13">
        <v>4345</v>
      </c>
      <c r="B4347" s="11" t="s">
        <v>2488</v>
      </c>
      <c r="C4347" s="12" t="s">
        <v>2270</v>
      </c>
    </row>
    <row r="4348" spans="1:3" ht="24">
      <c r="A4348" s="13">
        <v>4346</v>
      </c>
      <c r="B4348" s="11" t="s">
        <v>2489</v>
      </c>
      <c r="C4348" s="12" t="s">
        <v>2270</v>
      </c>
    </row>
    <row r="4349" spans="1:3" ht="24">
      <c r="A4349" s="10">
        <v>4347</v>
      </c>
      <c r="B4349" s="11" t="s">
        <v>2490</v>
      </c>
      <c r="C4349" s="12" t="s">
        <v>2270</v>
      </c>
    </row>
    <row r="4350" spans="1:3" ht="24">
      <c r="A4350" s="13">
        <v>4348</v>
      </c>
      <c r="B4350" s="11" t="s">
        <v>2491</v>
      </c>
      <c r="C4350" s="12" t="s">
        <v>2270</v>
      </c>
    </row>
    <row r="4351" spans="1:3" ht="24">
      <c r="A4351" s="13">
        <v>4349</v>
      </c>
      <c r="B4351" s="11" t="s">
        <v>2492</v>
      </c>
      <c r="C4351" s="12" t="s">
        <v>2270</v>
      </c>
    </row>
    <row r="4352" spans="1:3" ht="24">
      <c r="A4352" s="13">
        <v>4350</v>
      </c>
      <c r="B4352" s="11" t="s">
        <v>2493</v>
      </c>
      <c r="C4352" s="12" t="s">
        <v>2270</v>
      </c>
    </row>
    <row r="4353" spans="1:3" ht="24">
      <c r="A4353" s="10">
        <v>4351</v>
      </c>
      <c r="B4353" s="11" t="s">
        <v>2494</v>
      </c>
      <c r="C4353" s="12" t="s">
        <v>2270</v>
      </c>
    </row>
    <row r="4354" spans="1:3" ht="24">
      <c r="A4354" s="13">
        <v>4352</v>
      </c>
      <c r="B4354" s="11" t="s">
        <v>2495</v>
      </c>
      <c r="C4354" s="12" t="s">
        <v>2270</v>
      </c>
    </row>
    <row r="4355" spans="1:3" ht="24">
      <c r="A4355" s="13">
        <v>4353</v>
      </c>
      <c r="B4355" s="11" t="s">
        <v>2496</v>
      </c>
      <c r="C4355" s="12" t="s">
        <v>2270</v>
      </c>
    </row>
    <row r="4356" spans="1:3" ht="31.5">
      <c r="A4356" s="13">
        <v>4354</v>
      </c>
      <c r="B4356" s="11" t="s">
        <v>2497</v>
      </c>
      <c r="C4356" s="12" t="s">
        <v>2270</v>
      </c>
    </row>
    <row r="4357" spans="1:3" ht="31.5">
      <c r="A4357" s="10">
        <v>4355</v>
      </c>
      <c r="B4357" s="11" t="s">
        <v>2498</v>
      </c>
      <c r="C4357" s="12" t="s">
        <v>2270</v>
      </c>
    </row>
    <row r="4358" spans="1:3" ht="24">
      <c r="A4358" s="13">
        <v>4356</v>
      </c>
      <c r="B4358" s="11" t="s">
        <v>2499</v>
      </c>
      <c r="C4358" s="12" t="s">
        <v>2270</v>
      </c>
    </row>
    <row r="4359" spans="1:3" ht="24">
      <c r="A4359" s="13">
        <v>4357</v>
      </c>
      <c r="B4359" s="11" t="s">
        <v>2500</v>
      </c>
      <c r="C4359" s="12" t="s">
        <v>2270</v>
      </c>
    </row>
    <row r="4360" spans="1:3" ht="24">
      <c r="A4360" s="13">
        <v>4358</v>
      </c>
      <c r="B4360" s="11" t="s">
        <v>2501</v>
      </c>
      <c r="C4360" s="12" t="s">
        <v>2270</v>
      </c>
    </row>
    <row r="4361" spans="1:3" ht="24">
      <c r="A4361" s="10">
        <v>4359</v>
      </c>
      <c r="B4361" s="11" t="s">
        <v>2502</v>
      </c>
      <c r="C4361" s="12" t="s">
        <v>2270</v>
      </c>
    </row>
    <row r="4362" spans="1:3" ht="24">
      <c r="A4362" s="13">
        <v>4360</v>
      </c>
      <c r="B4362" s="11" t="s">
        <v>2503</v>
      </c>
      <c r="C4362" s="12" t="s">
        <v>2270</v>
      </c>
    </row>
    <row r="4363" spans="1:3" ht="24">
      <c r="A4363" s="13">
        <v>4361</v>
      </c>
      <c r="B4363" s="11" t="s">
        <v>2504</v>
      </c>
      <c r="C4363" s="12" t="s">
        <v>2270</v>
      </c>
    </row>
    <row r="4364" spans="1:3" ht="24">
      <c r="A4364" s="13">
        <v>4362</v>
      </c>
      <c r="B4364" s="11" t="s">
        <v>2505</v>
      </c>
      <c r="C4364" s="12" t="s">
        <v>2270</v>
      </c>
    </row>
    <row r="4365" spans="1:3" ht="24">
      <c r="A4365" s="10">
        <v>4363</v>
      </c>
      <c r="B4365" s="11" t="s">
        <v>2506</v>
      </c>
      <c r="C4365" s="12" t="s">
        <v>2270</v>
      </c>
    </row>
    <row r="4366" spans="1:3" ht="24">
      <c r="A4366" s="13">
        <v>4364</v>
      </c>
      <c r="B4366" s="11" t="s">
        <v>2507</v>
      </c>
      <c r="C4366" s="12" t="s">
        <v>2270</v>
      </c>
    </row>
    <row r="4367" spans="1:3" ht="24">
      <c r="A4367" s="13">
        <v>4365</v>
      </c>
      <c r="B4367" s="11" t="s">
        <v>2508</v>
      </c>
      <c r="C4367" s="12" t="s">
        <v>2270</v>
      </c>
    </row>
    <row r="4368" spans="1:3" ht="24">
      <c r="A4368" s="13">
        <v>4366</v>
      </c>
      <c r="B4368" s="11" t="s">
        <v>2509</v>
      </c>
      <c r="C4368" s="12" t="s">
        <v>2270</v>
      </c>
    </row>
    <row r="4369" spans="1:3" ht="24">
      <c r="A4369" s="10">
        <v>4367</v>
      </c>
      <c r="B4369" s="11" t="s">
        <v>2510</v>
      </c>
      <c r="C4369" s="12" t="s">
        <v>2270</v>
      </c>
    </row>
    <row r="4370" spans="1:3" ht="24">
      <c r="A4370" s="13">
        <v>4368</v>
      </c>
      <c r="B4370" s="11" t="s">
        <v>2509</v>
      </c>
      <c r="C4370" s="12" t="s">
        <v>2270</v>
      </c>
    </row>
    <row r="4371" spans="1:3" ht="24">
      <c r="A4371" s="13">
        <v>4369</v>
      </c>
      <c r="B4371" s="11" t="s">
        <v>2511</v>
      </c>
      <c r="C4371" s="12" t="s">
        <v>2270</v>
      </c>
    </row>
    <row r="4372" spans="1:3" ht="31.5">
      <c r="A4372" s="13">
        <v>4370</v>
      </c>
      <c r="B4372" s="11" t="s">
        <v>2512</v>
      </c>
      <c r="C4372" s="12" t="s">
        <v>2270</v>
      </c>
    </row>
    <row r="4373" spans="1:3" ht="31.5">
      <c r="A4373" s="10">
        <v>4371</v>
      </c>
      <c r="B4373" s="11" t="s">
        <v>2513</v>
      </c>
      <c r="C4373" s="12" t="s">
        <v>2270</v>
      </c>
    </row>
    <row r="4374" spans="1:3" ht="24">
      <c r="A4374" s="13">
        <v>4372</v>
      </c>
      <c r="B4374" s="11" t="s">
        <v>2514</v>
      </c>
      <c r="C4374" s="12" t="s">
        <v>2270</v>
      </c>
    </row>
    <row r="4375" spans="1:3" ht="24">
      <c r="A4375" s="13">
        <v>4373</v>
      </c>
      <c r="B4375" s="11" t="s">
        <v>2515</v>
      </c>
      <c r="C4375" s="12" t="s">
        <v>2270</v>
      </c>
    </row>
    <row r="4376" spans="1:3" ht="24">
      <c r="A4376" s="13">
        <v>4374</v>
      </c>
      <c r="B4376" s="11" t="s">
        <v>2515</v>
      </c>
      <c r="C4376" s="12" t="s">
        <v>2270</v>
      </c>
    </row>
    <row r="4377" spans="1:3" ht="24">
      <c r="A4377" s="10">
        <v>4375</v>
      </c>
      <c r="B4377" s="11" t="s">
        <v>2515</v>
      </c>
      <c r="C4377" s="12" t="s">
        <v>2270</v>
      </c>
    </row>
    <row r="4378" spans="1:3" ht="24">
      <c r="A4378" s="13">
        <v>4376</v>
      </c>
      <c r="B4378" s="11" t="s">
        <v>2515</v>
      </c>
      <c r="C4378" s="12" t="s">
        <v>2270</v>
      </c>
    </row>
    <row r="4379" spans="1:3" ht="24">
      <c r="A4379" s="13">
        <v>4377</v>
      </c>
      <c r="B4379" s="11" t="s">
        <v>2516</v>
      </c>
      <c r="C4379" s="12" t="s">
        <v>2270</v>
      </c>
    </row>
    <row r="4380" spans="1:3" ht="24">
      <c r="A4380" s="13">
        <v>4378</v>
      </c>
      <c r="B4380" s="11" t="s">
        <v>2515</v>
      </c>
      <c r="C4380" s="12" t="s">
        <v>2270</v>
      </c>
    </row>
    <row r="4381" spans="1:3" ht="24">
      <c r="A4381" s="10">
        <v>4379</v>
      </c>
      <c r="B4381" s="11" t="s">
        <v>2515</v>
      </c>
      <c r="C4381" s="12" t="s">
        <v>2270</v>
      </c>
    </row>
    <row r="4382" spans="1:3" ht="24">
      <c r="A4382" s="13">
        <v>4380</v>
      </c>
      <c r="B4382" s="11" t="s">
        <v>2515</v>
      </c>
      <c r="C4382" s="12" t="s">
        <v>2270</v>
      </c>
    </row>
    <row r="4383" spans="1:3" ht="24">
      <c r="A4383" s="13">
        <v>4381</v>
      </c>
      <c r="B4383" s="11" t="s">
        <v>2517</v>
      </c>
      <c r="C4383" s="12" t="s">
        <v>2270</v>
      </c>
    </row>
    <row r="4384" spans="1:3" ht="24">
      <c r="A4384" s="13">
        <v>4382</v>
      </c>
      <c r="B4384" s="11" t="s">
        <v>2518</v>
      </c>
      <c r="C4384" s="12" t="s">
        <v>2270</v>
      </c>
    </row>
    <row r="4385" spans="1:3" ht="24">
      <c r="A4385" s="10">
        <v>4383</v>
      </c>
      <c r="B4385" s="11" t="s">
        <v>2519</v>
      </c>
      <c r="C4385" s="12" t="s">
        <v>2270</v>
      </c>
    </row>
    <row r="4386" spans="1:3" ht="24">
      <c r="A4386" s="13">
        <v>4384</v>
      </c>
      <c r="B4386" s="11" t="s">
        <v>2519</v>
      </c>
      <c r="C4386" s="12" t="s">
        <v>2270</v>
      </c>
    </row>
    <row r="4387" spans="1:3" ht="24">
      <c r="A4387" s="13">
        <v>4385</v>
      </c>
      <c r="B4387" s="11" t="s">
        <v>2520</v>
      </c>
      <c r="C4387" s="12" t="s">
        <v>2270</v>
      </c>
    </row>
    <row r="4388" spans="1:3" ht="24">
      <c r="A4388" s="13">
        <v>4386</v>
      </c>
      <c r="B4388" s="11" t="s">
        <v>2520</v>
      </c>
      <c r="C4388" s="12" t="s">
        <v>2270</v>
      </c>
    </row>
    <row r="4389" spans="1:3" ht="24">
      <c r="A4389" s="10">
        <v>4387</v>
      </c>
      <c r="B4389" s="11" t="s">
        <v>2521</v>
      </c>
      <c r="C4389" s="12" t="s">
        <v>2270</v>
      </c>
    </row>
    <row r="4390" spans="1:3" ht="24">
      <c r="A4390" s="13">
        <v>4388</v>
      </c>
      <c r="B4390" s="11" t="s">
        <v>2521</v>
      </c>
      <c r="C4390" s="12" t="s">
        <v>2270</v>
      </c>
    </row>
    <row r="4391" spans="1:3" ht="24">
      <c r="A4391" s="13">
        <v>4389</v>
      </c>
      <c r="B4391" s="11" t="s">
        <v>2522</v>
      </c>
      <c r="C4391" s="12" t="s">
        <v>2270</v>
      </c>
    </row>
    <row r="4392" spans="1:3" ht="24">
      <c r="A4392" s="13">
        <v>4390</v>
      </c>
      <c r="B4392" s="11" t="s">
        <v>2523</v>
      </c>
      <c r="C4392" s="12" t="s">
        <v>2270</v>
      </c>
    </row>
    <row r="4393" spans="1:3" ht="24">
      <c r="A4393" s="10">
        <v>4391</v>
      </c>
      <c r="B4393" s="11" t="s">
        <v>2524</v>
      </c>
      <c r="C4393" s="12" t="s">
        <v>2270</v>
      </c>
    </row>
    <row r="4394" spans="1:3" ht="24">
      <c r="A4394" s="13">
        <v>4392</v>
      </c>
      <c r="B4394" s="11" t="s">
        <v>2525</v>
      </c>
      <c r="C4394" s="12" t="s">
        <v>2270</v>
      </c>
    </row>
    <row r="4395" spans="1:3" ht="24">
      <c r="A4395" s="13">
        <v>4393</v>
      </c>
      <c r="B4395" s="11" t="s">
        <v>2526</v>
      </c>
      <c r="C4395" s="12" t="s">
        <v>2270</v>
      </c>
    </row>
    <row r="4396" spans="1:3" ht="24">
      <c r="A4396" s="13">
        <v>4394</v>
      </c>
      <c r="B4396" s="11" t="s">
        <v>2527</v>
      </c>
      <c r="C4396" s="12" t="s">
        <v>2270</v>
      </c>
    </row>
    <row r="4397" spans="1:3" ht="24">
      <c r="A4397" s="10">
        <v>4395</v>
      </c>
      <c r="B4397" s="11" t="s">
        <v>2528</v>
      </c>
      <c r="C4397" s="12" t="s">
        <v>2270</v>
      </c>
    </row>
    <row r="4398" spans="1:3" ht="24">
      <c r="A4398" s="13">
        <v>4396</v>
      </c>
      <c r="B4398" s="11" t="s">
        <v>2529</v>
      </c>
      <c r="C4398" s="12" t="s">
        <v>2270</v>
      </c>
    </row>
    <row r="4399" spans="1:3" ht="24">
      <c r="A4399" s="13">
        <v>4397</v>
      </c>
      <c r="B4399" s="11" t="s">
        <v>2530</v>
      </c>
      <c r="C4399" s="12" t="s">
        <v>2270</v>
      </c>
    </row>
    <row r="4400" spans="1:3" ht="24">
      <c r="A4400" s="13">
        <v>4398</v>
      </c>
      <c r="B4400" s="11" t="s">
        <v>2531</v>
      </c>
      <c r="C4400" s="12" t="s">
        <v>2270</v>
      </c>
    </row>
    <row r="4401" spans="1:3" ht="24">
      <c r="A4401" s="10">
        <v>4399</v>
      </c>
      <c r="B4401" s="11" t="s">
        <v>2532</v>
      </c>
      <c r="C4401" s="12" t="s">
        <v>2270</v>
      </c>
    </row>
    <row r="4402" spans="1:3" ht="31.5">
      <c r="A4402" s="13">
        <v>4400</v>
      </c>
      <c r="B4402" s="11" t="s">
        <v>2533</v>
      </c>
      <c r="C4402" s="12" t="s">
        <v>2270</v>
      </c>
    </row>
    <row r="4403" spans="1:3" ht="24">
      <c r="A4403" s="13">
        <v>4401</v>
      </c>
      <c r="B4403" s="11" t="s">
        <v>2534</v>
      </c>
      <c r="C4403" s="12" t="s">
        <v>2270</v>
      </c>
    </row>
    <row r="4404" spans="1:3" ht="24">
      <c r="A4404" s="13">
        <v>4402</v>
      </c>
      <c r="B4404" s="11" t="s">
        <v>2535</v>
      </c>
      <c r="C4404" s="12" t="s">
        <v>2270</v>
      </c>
    </row>
    <row r="4405" spans="1:3" ht="24">
      <c r="A4405" s="10">
        <v>4403</v>
      </c>
      <c r="B4405" s="11" t="s">
        <v>2536</v>
      </c>
      <c r="C4405" s="12" t="s">
        <v>2270</v>
      </c>
    </row>
    <row r="4406" spans="1:3" ht="24">
      <c r="A4406" s="13">
        <v>4404</v>
      </c>
      <c r="B4406" s="11" t="s">
        <v>2537</v>
      </c>
      <c r="C4406" s="12" t="s">
        <v>2270</v>
      </c>
    </row>
    <row r="4407" spans="1:3" ht="24">
      <c r="A4407" s="13">
        <v>4405</v>
      </c>
      <c r="B4407" s="11" t="s">
        <v>2538</v>
      </c>
      <c r="C4407" s="12" t="s">
        <v>2270</v>
      </c>
    </row>
    <row r="4408" spans="1:3" ht="24">
      <c r="A4408" s="13">
        <v>4406</v>
      </c>
      <c r="B4408" s="11" t="s">
        <v>2539</v>
      </c>
      <c r="C4408" s="12" t="s">
        <v>2270</v>
      </c>
    </row>
    <row r="4409" spans="1:3" ht="24">
      <c r="A4409" s="10">
        <v>4407</v>
      </c>
      <c r="B4409" s="11" t="s">
        <v>2540</v>
      </c>
      <c r="C4409" s="12" t="s">
        <v>2270</v>
      </c>
    </row>
    <row r="4410" spans="1:3" ht="24">
      <c r="A4410" s="13">
        <v>4408</v>
      </c>
      <c r="B4410" s="11" t="s">
        <v>2541</v>
      </c>
      <c r="C4410" s="12" t="s">
        <v>2270</v>
      </c>
    </row>
    <row r="4411" spans="1:3" ht="24">
      <c r="A4411" s="13">
        <v>4409</v>
      </c>
      <c r="B4411" s="11" t="s">
        <v>2542</v>
      </c>
      <c r="C4411" s="12" t="s">
        <v>2270</v>
      </c>
    </row>
    <row r="4412" spans="1:3" ht="24">
      <c r="A4412" s="13">
        <v>4410</v>
      </c>
      <c r="B4412" s="11" t="s">
        <v>2543</v>
      </c>
      <c r="C4412" s="12" t="s">
        <v>2270</v>
      </c>
    </row>
    <row r="4413" spans="1:3" ht="24">
      <c r="A4413" s="10">
        <v>4411</v>
      </c>
      <c r="B4413" s="11" t="s">
        <v>2544</v>
      </c>
      <c r="C4413" s="12" t="s">
        <v>2270</v>
      </c>
    </row>
    <row r="4414" spans="1:3" ht="24">
      <c r="A4414" s="13">
        <v>4412</v>
      </c>
      <c r="B4414" s="11" t="s">
        <v>2545</v>
      </c>
      <c r="C4414" s="12" t="s">
        <v>2270</v>
      </c>
    </row>
    <row r="4415" spans="1:3" ht="24">
      <c r="A4415" s="13">
        <v>4413</v>
      </c>
      <c r="B4415" s="11" t="s">
        <v>2545</v>
      </c>
      <c r="C4415" s="12" t="s">
        <v>2270</v>
      </c>
    </row>
    <row r="4416" spans="1:3" ht="24">
      <c r="A4416" s="13">
        <v>4414</v>
      </c>
      <c r="B4416" s="11" t="s">
        <v>2546</v>
      </c>
      <c r="C4416" s="12" t="s">
        <v>2270</v>
      </c>
    </row>
    <row r="4417" spans="1:3" ht="24">
      <c r="A4417" s="10">
        <v>4415</v>
      </c>
      <c r="B4417" s="10" t="s">
        <v>2547</v>
      </c>
      <c r="C4417" s="12" t="s">
        <v>2270</v>
      </c>
    </row>
    <row r="4418" spans="1:3" ht="24">
      <c r="A4418" s="13">
        <v>4416</v>
      </c>
      <c r="B4418" s="10" t="s">
        <v>2548</v>
      </c>
      <c r="C4418" s="12" t="s">
        <v>2270</v>
      </c>
    </row>
    <row r="4419" spans="1:3" ht="24">
      <c r="A4419" s="13">
        <v>4417</v>
      </c>
      <c r="B4419" s="10" t="s">
        <v>2549</v>
      </c>
      <c r="C4419" s="12" t="s">
        <v>2270</v>
      </c>
    </row>
    <row r="4420" spans="1:3" ht="24">
      <c r="A4420" s="13">
        <v>4418</v>
      </c>
      <c r="B4420" s="10" t="s">
        <v>2550</v>
      </c>
      <c r="C4420" s="12" t="s">
        <v>2270</v>
      </c>
    </row>
    <row r="4421" spans="1:3" ht="24">
      <c r="A4421" s="10">
        <v>4419</v>
      </c>
      <c r="B4421" s="10" t="s">
        <v>2551</v>
      </c>
      <c r="C4421" s="12" t="s">
        <v>2270</v>
      </c>
    </row>
    <row r="4422" spans="1:3" ht="24">
      <c r="A4422" s="13">
        <v>4420</v>
      </c>
      <c r="B4422" s="10" t="s">
        <v>2552</v>
      </c>
      <c r="C4422" s="12" t="s">
        <v>2270</v>
      </c>
    </row>
    <row r="4423" spans="1:3" ht="24">
      <c r="A4423" s="13">
        <v>4421</v>
      </c>
      <c r="B4423" s="10" t="s">
        <v>2553</v>
      </c>
      <c r="C4423" s="12" t="s">
        <v>2270</v>
      </c>
    </row>
    <row r="4424" spans="1:3" ht="24">
      <c r="A4424" s="13">
        <v>4422</v>
      </c>
      <c r="B4424" s="10" t="s">
        <v>2265</v>
      </c>
      <c r="C4424" s="12" t="s">
        <v>2270</v>
      </c>
    </row>
    <row r="4425" spans="1:3" ht="24">
      <c r="A4425" s="10">
        <v>4423</v>
      </c>
      <c r="B4425" s="10" t="s">
        <v>2554</v>
      </c>
      <c r="C4425" s="12" t="s">
        <v>2270</v>
      </c>
    </row>
    <row r="4426" spans="1:3" ht="24">
      <c r="A4426" s="13">
        <v>4424</v>
      </c>
      <c r="B4426" s="15" t="s">
        <v>2555</v>
      </c>
      <c r="C4426" s="12" t="s">
        <v>2270</v>
      </c>
    </row>
    <row r="4427" spans="1:3" ht="24">
      <c r="A4427" s="13">
        <v>4425</v>
      </c>
      <c r="B4427" s="10" t="s">
        <v>2556</v>
      </c>
      <c r="C4427" s="12" t="s">
        <v>2270</v>
      </c>
    </row>
    <row r="4428" spans="1:3" ht="24">
      <c r="A4428" s="13">
        <v>4426</v>
      </c>
      <c r="B4428" s="10" t="s">
        <v>2557</v>
      </c>
      <c r="C4428" s="12" t="s">
        <v>2270</v>
      </c>
    </row>
    <row r="4429" spans="1:3" ht="24">
      <c r="A4429" s="10">
        <v>4427</v>
      </c>
      <c r="B4429" s="10" t="s">
        <v>2558</v>
      </c>
      <c r="C4429" s="12" t="s">
        <v>2270</v>
      </c>
    </row>
    <row r="4430" spans="1:3" ht="24">
      <c r="A4430" s="13">
        <v>4428</v>
      </c>
      <c r="B4430" s="10" t="s">
        <v>2559</v>
      </c>
      <c r="C4430" s="12" t="s">
        <v>2270</v>
      </c>
    </row>
    <row r="4431" spans="1:3" ht="24">
      <c r="A4431" s="13">
        <v>4429</v>
      </c>
      <c r="B4431" s="10" t="s">
        <v>2560</v>
      </c>
      <c r="C4431" s="12" t="s">
        <v>2270</v>
      </c>
    </row>
    <row r="4432" spans="1:3" ht="24">
      <c r="A4432" s="13">
        <v>4430</v>
      </c>
      <c r="B4432" s="10" t="s">
        <v>2561</v>
      </c>
      <c r="C4432" s="12" t="s">
        <v>2270</v>
      </c>
    </row>
    <row r="4433" spans="1:3" ht="24">
      <c r="A4433" s="10">
        <v>4431</v>
      </c>
      <c r="B4433" s="10" t="s">
        <v>2562</v>
      </c>
      <c r="C4433" s="12" t="s">
        <v>2270</v>
      </c>
    </row>
    <row r="4434" spans="1:3" ht="24">
      <c r="A4434" s="13">
        <v>4432</v>
      </c>
      <c r="B4434" s="10" t="s">
        <v>2563</v>
      </c>
      <c r="C4434" s="12" t="s">
        <v>2270</v>
      </c>
    </row>
    <row r="4435" spans="1:3" ht="24">
      <c r="A4435" s="13">
        <v>4433</v>
      </c>
      <c r="B4435" s="10" t="s">
        <v>2564</v>
      </c>
      <c r="C4435" s="12" t="s">
        <v>2565</v>
      </c>
    </row>
    <row r="4436" spans="1:3" ht="24">
      <c r="A4436" s="13">
        <v>4434</v>
      </c>
      <c r="B4436" s="10" t="s">
        <v>2566</v>
      </c>
      <c r="C4436" s="12" t="s">
        <v>2565</v>
      </c>
    </row>
    <row r="4437" spans="1:3" ht="24">
      <c r="A4437" s="10">
        <v>4435</v>
      </c>
      <c r="B4437" s="10" t="s">
        <v>2567</v>
      </c>
      <c r="C4437" s="12" t="s">
        <v>2565</v>
      </c>
    </row>
    <row r="4438" spans="1:3" ht="24">
      <c r="A4438" s="13">
        <v>4436</v>
      </c>
      <c r="B4438" s="10" t="s">
        <v>2568</v>
      </c>
      <c r="C4438" s="12" t="s">
        <v>2565</v>
      </c>
    </row>
    <row r="4439" spans="1:3" ht="24">
      <c r="A4439" s="13">
        <v>4437</v>
      </c>
      <c r="B4439" s="10" t="s">
        <v>2569</v>
      </c>
      <c r="C4439" s="12" t="s">
        <v>2565</v>
      </c>
    </row>
    <row r="4440" spans="1:3" ht="24">
      <c r="A4440" s="13">
        <v>4438</v>
      </c>
      <c r="B4440" s="10" t="s">
        <v>2570</v>
      </c>
      <c r="C4440" s="12" t="s">
        <v>2565</v>
      </c>
    </row>
    <row r="4441" spans="1:3" ht="24">
      <c r="A4441" s="10">
        <v>4439</v>
      </c>
      <c r="B4441" s="10" t="s">
        <v>2571</v>
      </c>
      <c r="C4441" s="12" t="s">
        <v>2565</v>
      </c>
    </row>
    <row r="4442" spans="1:3" ht="24">
      <c r="A4442" s="13">
        <v>4440</v>
      </c>
      <c r="B4442" s="10" t="s">
        <v>2096</v>
      </c>
      <c r="C4442" s="12" t="s">
        <v>2565</v>
      </c>
    </row>
    <row r="4443" spans="1:3" ht="24">
      <c r="A4443" s="13">
        <v>4441</v>
      </c>
      <c r="B4443" s="10" t="s">
        <v>2572</v>
      </c>
      <c r="C4443" s="12" t="s">
        <v>2565</v>
      </c>
    </row>
    <row r="4444" spans="1:3" ht="24">
      <c r="A4444" s="13">
        <v>4442</v>
      </c>
      <c r="B4444" s="10" t="s">
        <v>2573</v>
      </c>
      <c r="C4444" s="12" t="s">
        <v>2565</v>
      </c>
    </row>
    <row r="4445" spans="1:3" ht="24">
      <c r="A4445" s="10">
        <v>4443</v>
      </c>
      <c r="B4445" s="10" t="s">
        <v>2574</v>
      </c>
      <c r="C4445" s="12" t="s">
        <v>2565</v>
      </c>
    </row>
    <row r="4446" spans="1:3" ht="24">
      <c r="A4446" s="13">
        <v>4444</v>
      </c>
      <c r="B4446" s="10" t="s">
        <v>2575</v>
      </c>
      <c r="C4446" s="12" t="s">
        <v>2565</v>
      </c>
    </row>
    <row r="4447" spans="1:3" ht="24">
      <c r="A4447" s="13">
        <v>4445</v>
      </c>
      <c r="B4447" s="10" t="s">
        <v>2576</v>
      </c>
      <c r="C4447" s="12" t="s">
        <v>2565</v>
      </c>
    </row>
    <row r="4448" spans="1:3" ht="24">
      <c r="A4448" s="13">
        <v>4446</v>
      </c>
      <c r="B4448" s="10" t="s">
        <v>312</v>
      </c>
      <c r="C4448" s="12" t="s">
        <v>2565</v>
      </c>
    </row>
    <row r="4449" spans="1:3" ht="24">
      <c r="A4449" s="10">
        <v>4447</v>
      </c>
      <c r="B4449" s="10" t="s">
        <v>2577</v>
      </c>
      <c r="C4449" s="12" t="s">
        <v>2565</v>
      </c>
    </row>
    <row r="4450" spans="1:3" ht="24">
      <c r="A4450" s="13">
        <v>4448</v>
      </c>
      <c r="B4450" s="10" t="s">
        <v>2578</v>
      </c>
      <c r="C4450" s="12" t="s">
        <v>2565</v>
      </c>
    </row>
    <row r="4451" spans="1:3" ht="24">
      <c r="A4451" s="13">
        <v>4449</v>
      </c>
      <c r="B4451" s="10" t="s">
        <v>2076</v>
      </c>
      <c r="C4451" s="12" t="s">
        <v>2565</v>
      </c>
    </row>
    <row r="4452" spans="1:3" ht="24">
      <c r="A4452" s="13">
        <v>4450</v>
      </c>
      <c r="B4452" s="10" t="s">
        <v>2076</v>
      </c>
      <c r="C4452" s="12" t="s">
        <v>2565</v>
      </c>
    </row>
    <row r="4453" spans="1:3" ht="24">
      <c r="A4453" s="10">
        <v>4451</v>
      </c>
      <c r="B4453" s="10" t="s">
        <v>2579</v>
      </c>
      <c r="C4453" s="12" t="s">
        <v>2565</v>
      </c>
    </row>
    <row r="4454" spans="1:3" ht="24">
      <c r="A4454" s="13">
        <v>4452</v>
      </c>
      <c r="B4454" s="10" t="s">
        <v>2580</v>
      </c>
      <c r="C4454" s="12" t="s">
        <v>2565</v>
      </c>
    </row>
    <row r="4455" spans="1:3" ht="24">
      <c r="A4455" s="13">
        <v>4453</v>
      </c>
      <c r="B4455" s="10" t="s">
        <v>2581</v>
      </c>
      <c r="C4455" s="12" t="s">
        <v>2565</v>
      </c>
    </row>
    <row r="4456" spans="1:3" ht="24">
      <c r="A4456" s="13">
        <v>4454</v>
      </c>
      <c r="B4456" s="10" t="s">
        <v>2582</v>
      </c>
      <c r="C4456" s="12" t="s">
        <v>2565</v>
      </c>
    </row>
    <row r="4457" spans="1:3" ht="24">
      <c r="A4457" s="10">
        <v>4455</v>
      </c>
      <c r="B4457" s="10" t="s">
        <v>2583</v>
      </c>
      <c r="C4457" s="12" t="s">
        <v>2565</v>
      </c>
    </row>
    <row r="4458" spans="1:3" ht="24">
      <c r="A4458" s="13">
        <v>4456</v>
      </c>
      <c r="B4458" s="10" t="s">
        <v>1377</v>
      </c>
      <c r="C4458" s="12" t="s">
        <v>2565</v>
      </c>
    </row>
    <row r="4459" spans="1:3" ht="24">
      <c r="A4459" s="13">
        <v>4457</v>
      </c>
      <c r="B4459" s="10" t="s">
        <v>2584</v>
      </c>
      <c r="C4459" s="12" t="s">
        <v>2565</v>
      </c>
    </row>
    <row r="4460" spans="1:3" ht="24">
      <c r="A4460" s="13">
        <v>4458</v>
      </c>
      <c r="B4460" s="10" t="s">
        <v>2068</v>
      </c>
      <c r="C4460" s="12" t="s">
        <v>2565</v>
      </c>
    </row>
    <row r="4461" spans="1:3" ht="24">
      <c r="A4461" s="10">
        <v>4459</v>
      </c>
      <c r="B4461" s="10" t="s">
        <v>2164</v>
      </c>
      <c r="C4461" s="12" t="s">
        <v>2565</v>
      </c>
    </row>
    <row r="4462" spans="1:3" ht="24">
      <c r="A4462" s="13">
        <v>4460</v>
      </c>
      <c r="B4462" s="10" t="s">
        <v>2069</v>
      </c>
      <c r="C4462" s="12" t="s">
        <v>2565</v>
      </c>
    </row>
    <row r="4463" spans="1:3" ht="24">
      <c r="A4463" s="13">
        <v>4461</v>
      </c>
      <c r="B4463" s="10" t="s">
        <v>2070</v>
      </c>
      <c r="C4463" s="12" t="s">
        <v>2565</v>
      </c>
    </row>
    <row r="4464" spans="1:3" ht="24">
      <c r="A4464" s="13">
        <v>4462</v>
      </c>
      <c r="B4464" s="10" t="s">
        <v>2062</v>
      </c>
      <c r="C4464" s="12" t="s">
        <v>2565</v>
      </c>
    </row>
    <row r="4465" spans="1:3" ht="24">
      <c r="A4465" s="10">
        <v>4463</v>
      </c>
      <c r="B4465" s="10" t="s">
        <v>2585</v>
      </c>
      <c r="C4465" s="12" t="s">
        <v>2565</v>
      </c>
    </row>
    <row r="4466" spans="1:3" ht="24">
      <c r="A4466" s="13">
        <v>4464</v>
      </c>
      <c r="B4466" s="10" t="s">
        <v>2314</v>
      </c>
      <c r="C4466" s="12" t="s">
        <v>2565</v>
      </c>
    </row>
    <row r="4467" spans="1:3" ht="24">
      <c r="A4467" s="13">
        <v>4465</v>
      </c>
      <c r="B4467" s="10" t="s">
        <v>2161</v>
      </c>
      <c r="C4467" s="12" t="s">
        <v>2565</v>
      </c>
    </row>
    <row r="4468" spans="1:3" ht="24">
      <c r="A4468" s="13">
        <v>4466</v>
      </c>
      <c r="B4468" s="10" t="s">
        <v>2066</v>
      </c>
      <c r="C4468" s="12" t="s">
        <v>2565</v>
      </c>
    </row>
    <row r="4469" spans="1:3" ht="24">
      <c r="A4469" s="10">
        <v>4467</v>
      </c>
      <c r="B4469" s="10" t="s">
        <v>2586</v>
      </c>
      <c r="C4469" s="12" t="s">
        <v>2565</v>
      </c>
    </row>
    <row r="4470" spans="1:3" ht="24">
      <c r="A4470" s="13">
        <v>4468</v>
      </c>
      <c r="B4470" s="10" t="s">
        <v>2587</v>
      </c>
      <c r="C4470" s="12" t="s">
        <v>2565</v>
      </c>
    </row>
    <row r="4471" spans="1:3" ht="24">
      <c r="A4471" s="13">
        <v>4469</v>
      </c>
      <c r="B4471" s="10" t="s">
        <v>2588</v>
      </c>
      <c r="C4471" s="12" t="s">
        <v>2565</v>
      </c>
    </row>
    <row r="4472" spans="1:3" ht="24">
      <c r="A4472" s="13">
        <v>4470</v>
      </c>
      <c r="B4472" s="10" t="s">
        <v>2589</v>
      </c>
      <c r="C4472" s="12" t="s">
        <v>2565</v>
      </c>
    </row>
    <row r="4473" spans="1:3" ht="24">
      <c r="A4473" s="10">
        <v>4471</v>
      </c>
      <c r="B4473" s="10" t="s">
        <v>2590</v>
      </c>
      <c r="C4473" s="12" t="s">
        <v>2565</v>
      </c>
    </row>
    <row r="4474" spans="1:3" ht="24">
      <c r="A4474" s="13">
        <v>4472</v>
      </c>
      <c r="B4474" s="10" t="s">
        <v>2591</v>
      </c>
      <c r="C4474" s="12" t="s">
        <v>2565</v>
      </c>
    </row>
    <row r="4475" spans="1:3" ht="24">
      <c r="A4475" s="13">
        <v>4473</v>
      </c>
      <c r="B4475" s="10" t="s">
        <v>2592</v>
      </c>
      <c r="C4475" s="12" t="s">
        <v>2565</v>
      </c>
    </row>
    <row r="4476" spans="1:3" ht="24">
      <c r="A4476" s="13">
        <v>4474</v>
      </c>
      <c r="B4476" s="10" t="s">
        <v>2097</v>
      </c>
      <c r="C4476" s="12" t="s">
        <v>2565</v>
      </c>
    </row>
    <row r="4477" spans="1:3" ht="24">
      <c r="A4477" s="10">
        <v>4475</v>
      </c>
      <c r="B4477" s="10" t="s">
        <v>2593</v>
      </c>
      <c r="C4477" s="12" t="s">
        <v>2565</v>
      </c>
    </row>
    <row r="4478" spans="1:3" ht="24">
      <c r="A4478" s="13">
        <v>4476</v>
      </c>
      <c r="B4478" s="10" t="s">
        <v>2593</v>
      </c>
      <c r="C4478" s="12" t="s">
        <v>2565</v>
      </c>
    </row>
    <row r="4479" spans="1:3" ht="24">
      <c r="A4479" s="13">
        <v>4477</v>
      </c>
      <c r="B4479" s="10" t="s">
        <v>2593</v>
      </c>
      <c r="C4479" s="12" t="s">
        <v>2565</v>
      </c>
    </row>
    <row r="4480" spans="1:3" ht="24">
      <c r="A4480" s="13">
        <v>4478</v>
      </c>
      <c r="B4480" s="10" t="s">
        <v>2593</v>
      </c>
      <c r="C4480" s="12" t="s">
        <v>2565</v>
      </c>
    </row>
    <row r="4481" spans="1:3" ht="24">
      <c r="A4481" s="10">
        <v>4479</v>
      </c>
      <c r="B4481" s="10" t="s">
        <v>2593</v>
      </c>
      <c r="C4481" s="12" t="s">
        <v>2565</v>
      </c>
    </row>
    <row r="4482" spans="1:3" ht="24">
      <c r="A4482" s="13">
        <v>4480</v>
      </c>
      <c r="B4482" s="10" t="s">
        <v>2593</v>
      </c>
      <c r="C4482" s="12" t="s">
        <v>2565</v>
      </c>
    </row>
    <row r="4483" spans="1:3" ht="24">
      <c r="A4483" s="13">
        <v>4481</v>
      </c>
      <c r="B4483" s="10" t="s">
        <v>2593</v>
      </c>
      <c r="C4483" s="12" t="s">
        <v>2565</v>
      </c>
    </row>
    <row r="4484" spans="1:3" ht="24">
      <c r="A4484" s="13">
        <v>4482</v>
      </c>
      <c r="B4484" s="10" t="s">
        <v>2594</v>
      </c>
      <c r="C4484" s="12" t="s">
        <v>2565</v>
      </c>
    </row>
    <row r="4485" spans="1:3" ht="24">
      <c r="A4485" s="10">
        <v>4483</v>
      </c>
      <c r="B4485" s="10" t="s">
        <v>2595</v>
      </c>
      <c r="C4485" s="12" t="s">
        <v>2565</v>
      </c>
    </row>
    <row r="4486" spans="1:3" ht="24">
      <c r="A4486" s="13">
        <v>4484</v>
      </c>
      <c r="B4486" s="10" t="s">
        <v>2596</v>
      </c>
      <c r="C4486" s="12" t="s">
        <v>2565</v>
      </c>
    </row>
    <row r="4487" spans="1:3" ht="24">
      <c r="A4487" s="13">
        <v>4485</v>
      </c>
      <c r="B4487" s="10" t="s">
        <v>2597</v>
      </c>
      <c r="C4487" s="12" t="s">
        <v>2565</v>
      </c>
    </row>
    <row r="4488" spans="1:3" ht="24">
      <c r="A4488" s="13">
        <v>4486</v>
      </c>
      <c r="B4488" s="10" t="s">
        <v>1496</v>
      </c>
      <c r="C4488" s="12" t="s">
        <v>2565</v>
      </c>
    </row>
    <row r="4489" spans="1:3" ht="24">
      <c r="A4489" s="10">
        <v>4487</v>
      </c>
      <c r="B4489" s="10" t="s">
        <v>632</v>
      </c>
      <c r="C4489" s="12" t="s">
        <v>2565</v>
      </c>
    </row>
    <row r="4490" spans="1:3" ht="24">
      <c r="A4490" s="13">
        <v>4488</v>
      </c>
      <c r="B4490" s="10" t="s">
        <v>2598</v>
      </c>
      <c r="C4490" s="12" t="s">
        <v>2565</v>
      </c>
    </row>
    <row r="4491" spans="1:3" ht="24">
      <c r="A4491" s="13">
        <v>4489</v>
      </c>
      <c r="B4491" s="10" t="s">
        <v>2599</v>
      </c>
      <c r="C4491" s="12" t="s">
        <v>2565</v>
      </c>
    </row>
    <row r="4492" spans="1:3" ht="24">
      <c r="A4492" s="13">
        <v>4490</v>
      </c>
      <c r="B4492" s="10" t="s">
        <v>2600</v>
      </c>
      <c r="C4492" s="12" t="s">
        <v>2565</v>
      </c>
    </row>
    <row r="4493" spans="1:3" ht="24">
      <c r="A4493" s="10">
        <v>4491</v>
      </c>
      <c r="B4493" s="10" t="s">
        <v>2570</v>
      </c>
      <c r="C4493" s="12" t="s">
        <v>2565</v>
      </c>
    </row>
    <row r="4494" spans="1:3" ht="31.5">
      <c r="A4494" s="13">
        <v>4492</v>
      </c>
      <c r="B4494" s="10" t="s">
        <v>2071</v>
      </c>
      <c r="C4494" s="12" t="s">
        <v>2565</v>
      </c>
    </row>
    <row r="4495" spans="1:3" ht="24">
      <c r="A4495" s="13">
        <v>4493</v>
      </c>
      <c r="B4495" s="10" t="s">
        <v>2601</v>
      </c>
      <c r="C4495" s="12" t="s">
        <v>2565</v>
      </c>
    </row>
    <row r="4496" spans="1:3" ht="24">
      <c r="A4496" s="13">
        <v>4494</v>
      </c>
      <c r="B4496" s="10" t="s">
        <v>2602</v>
      </c>
      <c r="C4496" s="12" t="s">
        <v>2565</v>
      </c>
    </row>
    <row r="4497" spans="1:3" ht="24">
      <c r="A4497" s="10">
        <v>4495</v>
      </c>
      <c r="B4497" s="10" t="s">
        <v>108</v>
      </c>
      <c r="C4497" s="12" t="s">
        <v>2565</v>
      </c>
    </row>
    <row r="4498" spans="1:3" ht="24">
      <c r="A4498" s="13">
        <v>4496</v>
      </c>
      <c r="B4498" s="15" t="s">
        <v>164</v>
      </c>
      <c r="C4498" s="12" t="s">
        <v>2565</v>
      </c>
    </row>
    <row r="4499" spans="1:3" ht="24">
      <c r="A4499" s="13">
        <v>4497</v>
      </c>
      <c r="B4499" s="10" t="s">
        <v>2603</v>
      </c>
      <c r="C4499" s="12" t="s">
        <v>2565</v>
      </c>
    </row>
    <row r="4500" spans="1:3" ht="24">
      <c r="A4500" s="13">
        <v>4498</v>
      </c>
      <c r="B4500" s="15" t="s">
        <v>2604</v>
      </c>
      <c r="C4500" s="12" t="s">
        <v>2565</v>
      </c>
    </row>
    <row r="4501" spans="1:3" ht="24">
      <c r="A4501" s="10">
        <v>4499</v>
      </c>
      <c r="B4501" s="10" t="s">
        <v>2605</v>
      </c>
      <c r="C4501" s="12" t="s">
        <v>2565</v>
      </c>
    </row>
    <row r="4502" spans="1:3" ht="24">
      <c r="A4502" s="13">
        <v>4500</v>
      </c>
      <c r="B4502" s="10" t="s">
        <v>2606</v>
      </c>
      <c r="C4502" s="12" t="s">
        <v>2565</v>
      </c>
    </row>
    <row r="4503" spans="1:3" ht="24">
      <c r="A4503" s="13">
        <v>4501</v>
      </c>
      <c r="B4503" s="25" t="s">
        <v>2607</v>
      </c>
      <c r="C4503" s="12" t="s">
        <v>2565</v>
      </c>
    </row>
    <row r="4504" spans="1:3" ht="24">
      <c r="A4504" s="13">
        <v>4502</v>
      </c>
      <c r="B4504" s="10" t="s">
        <v>2608</v>
      </c>
      <c r="C4504" s="12" t="s">
        <v>2565</v>
      </c>
    </row>
    <row r="4505" spans="1:3" ht="24">
      <c r="A4505" s="10">
        <v>4503</v>
      </c>
      <c r="B4505" s="10" t="s">
        <v>1917</v>
      </c>
      <c r="C4505" s="12" t="s">
        <v>2565</v>
      </c>
    </row>
    <row r="4506" spans="1:3" ht="24">
      <c r="A4506" s="13">
        <v>4504</v>
      </c>
      <c r="B4506" s="16" t="s">
        <v>2609</v>
      </c>
      <c r="C4506" s="12" t="s">
        <v>2565</v>
      </c>
    </row>
    <row r="4507" spans="1:3" ht="24">
      <c r="A4507" s="13">
        <v>4505</v>
      </c>
      <c r="B4507" s="10" t="s">
        <v>2610</v>
      </c>
      <c r="C4507" s="12" t="s">
        <v>2565</v>
      </c>
    </row>
    <row r="4508" spans="1:3" ht="24">
      <c r="A4508" s="13">
        <v>4506</v>
      </c>
      <c r="B4508" s="10" t="s">
        <v>2611</v>
      </c>
      <c r="C4508" s="12" t="s">
        <v>2565</v>
      </c>
    </row>
    <row r="4509" spans="1:3" ht="24">
      <c r="A4509" s="10">
        <v>4507</v>
      </c>
      <c r="B4509" s="10" t="s">
        <v>2612</v>
      </c>
      <c r="C4509" s="12" t="s">
        <v>2565</v>
      </c>
    </row>
    <row r="4510" spans="1:3" ht="24">
      <c r="A4510" s="13">
        <v>4508</v>
      </c>
      <c r="B4510" s="10" t="s">
        <v>2613</v>
      </c>
      <c r="C4510" s="12" t="s">
        <v>2565</v>
      </c>
    </row>
    <row r="4511" spans="1:3" ht="24">
      <c r="A4511" s="13">
        <v>4509</v>
      </c>
      <c r="B4511" s="10" t="s">
        <v>2613</v>
      </c>
      <c r="C4511" s="12" t="s">
        <v>2565</v>
      </c>
    </row>
    <row r="4512" spans="1:3" ht="24">
      <c r="A4512" s="13">
        <v>4510</v>
      </c>
      <c r="B4512" s="10" t="s">
        <v>2614</v>
      </c>
      <c r="C4512" s="12" t="s">
        <v>2565</v>
      </c>
    </row>
    <row r="4513" spans="1:3" ht="24">
      <c r="A4513" s="10">
        <v>4511</v>
      </c>
      <c r="B4513" s="10" t="s">
        <v>2615</v>
      </c>
      <c r="C4513" s="12" t="s">
        <v>2565</v>
      </c>
    </row>
    <row r="4514" spans="1:3" ht="24">
      <c r="A4514" s="13">
        <v>4512</v>
      </c>
      <c r="B4514" s="10" t="s">
        <v>2616</v>
      </c>
      <c r="C4514" s="12" t="s">
        <v>2565</v>
      </c>
    </row>
    <row r="4515" spans="1:3" ht="24">
      <c r="A4515" s="13">
        <v>4513</v>
      </c>
      <c r="B4515" s="10" t="s">
        <v>2617</v>
      </c>
      <c r="C4515" s="12" t="s">
        <v>2565</v>
      </c>
    </row>
    <row r="4516" spans="1:3" ht="24">
      <c r="A4516" s="13">
        <v>4514</v>
      </c>
      <c r="B4516" s="10" t="s">
        <v>2618</v>
      </c>
      <c r="C4516" s="12" t="s">
        <v>2565</v>
      </c>
    </row>
    <row r="4517" spans="1:3" ht="24">
      <c r="A4517" s="10">
        <v>4515</v>
      </c>
      <c r="B4517" s="10" t="s">
        <v>2618</v>
      </c>
      <c r="C4517" s="12" t="s">
        <v>2565</v>
      </c>
    </row>
    <row r="4518" spans="1:3" ht="24">
      <c r="A4518" s="13">
        <v>4516</v>
      </c>
      <c r="B4518" s="10" t="s">
        <v>2619</v>
      </c>
      <c r="C4518" s="12" t="s">
        <v>2565</v>
      </c>
    </row>
    <row r="4519" spans="1:3" ht="24">
      <c r="A4519" s="13">
        <v>4517</v>
      </c>
      <c r="B4519" s="10" t="s">
        <v>2620</v>
      </c>
      <c r="C4519" s="12" t="s">
        <v>2565</v>
      </c>
    </row>
    <row r="4520" spans="1:3" ht="24">
      <c r="A4520" s="13">
        <v>4518</v>
      </c>
      <c r="B4520" s="10" t="s">
        <v>2621</v>
      </c>
      <c r="C4520" s="12" t="s">
        <v>2565</v>
      </c>
    </row>
    <row r="4521" spans="1:3" ht="24">
      <c r="A4521" s="10">
        <v>4519</v>
      </c>
      <c r="B4521" s="10" t="s">
        <v>2622</v>
      </c>
      <c r="C4521" s="12" t="s">
        <v>2565</v>
      </c>
    </row>
    <row r="4522" spans="1:3" ht="24">
      <c r="A4522" s="13">
        <v>4520</v>
      </c>
      <c r="B4522" s="10" t="s">
        <v>2623</v>
      </c>
      <c r="C4522" s="12" t="s">
        <v>2565</v>
      </c>
    </row>
    <row r="4523" spans="1:3" ht="24">
      <c r="A4523" s="13">
        <v>4521</v>
      </c>
      <c r="B4523" s="10" t="s">
        <v>2624</v>
      </c>
      <c r="C4523" s="12" t="s">
        <v>2565</v>
      </c>
    </row>
    <row r="4524" spans="1:3" ht="24">
      <c r="A4524" s="13">
        <v>4522</v>
      </c>
      <c r="B4524" s="10" t="s">
        <v>2370</v>
      </c>
      <c r="C4524" s="12" t="s">
        <v>2565</v>
      </c>
    </row>
    <row r="4525" spans="1:3" ht="24">
      <c r="A4525" s="10">
        <v>4523</v>
      </c>
      <c r="B4525" s="10" t="s">
        <v>1644</v>
      </c>
      <c r="C4525" s="12" t="s">
        <v>2565</v>
      </c>
    </row>
    <row r="4526" spans="1:3" ht="24">
      <c r="A4526" s="13">
        <v>4524</v>
      </c>
      <c r="B4526" s="10" t="s">
        <v>2625</v>
      </c>
      <c r="C4526" s="12" t="s">
        <v>2565</v>
      </c>
    </row>
    <row r="4527" spans="1:3" ht="24">
      <c r="A4527" s="13">
        <v>4525</v>
      </c>
      <c r="B4527" s="10" t="s">
        <v>2626</v>
      </c>
      <c r="C4527" s="12" t="s">
        <v>2565</v>
      </c>
    </row>
    <row r="4528" spans="1:3" ht="24">
      <c r="A4528" s="13">
        <v>4526</v>
      </c>
      <c r="B4528" s="10" t="s">
        <v>2626</v>
      </c>
      <c r="C4528" s="12" t="s">
        <v>2565</v>
      </c>
    </row>
    <row r="4529" spans="1:3" ht="24">
      <c r="A4529" s="10">
        <v>4527</v>
      </c>
      <c r="B4529" s="10" t="s">
        <v>2627</v>
      </c>
      <c r="C4529" s="12" t="s">
        <v>2565</v>
      </c>
    </row>
    <row r="4530" spans="1:3" ht="24">
      <c r="A4530" s="13">
        <v>4528</v>
      </c>
      <c r="B4530" s="10" t="s">
        <v>2628</v>
      </c>
      <c r="C4530" s="12" t="s">
        <v>2565</v>
      </c>
    </row>
    <row r="4531" spans="1:3" ht="24">
      <c r="A4531" s="13">
        <v>4529</v>
      </c>
      <c r="B4531" s="10" t="s">
        <v>2629</v>
      </c>
      <c r="C4531" s="12" t="s">
        <v>2565</v>
      </c>
    </row>
    <row r="4532" spans="1:3" ht="24">
      <c r="A4532" s="13">
        <v>4530</v>
      </c>
      <c r="B4532" s="10" t="s">
        <v>2630</v>
      </c>
      <c r="C4532" s="12" t="s">
        <v>2565</v>
      </c>
    </row>
    <row r="4533" spans="1:3" ht="24">
      <c r="A4533" s="10">
        <v>4531</v>
      </c>
      <c r="B4533" s="10" t="s">
        <v>2631</v>
      </c>
      <c r="C4533" s="12" t="s">
        <v>2565</v>
      </c>
    </row>
    <row r="4534" spans="1:3" ht="24">
      <c r="A4534" s="13">
        <v>4532</v>
      </c>
      <c r="B4534" s="10" t="s">
        <v>2632</v>
      </c>
      <c r="C4534" s="12" t="s">
        <v>2565</v>
      </c>
    </row>
    <row r="4535" spans="1:3" ht="31.5">
      <c r="A4535" s="13">
        <v>4533</v>
      </c>
      <c r="B4535" s="10" t="s">
        <v>2633</v>
      </c>
      <c r="C4535" s="12" t="s">
        <v>2565</v>
      </c>
    </row>
    <row r="4536" spans="1:3" ht="24">
      <c r="A4536" s="13">
        <v>4534</v>
      </c>
      <c r="B4536" s="10" t="s">
        <v>2634</v>
      </c>
      <c r="C4536" s="12" t="s">
        <v>2565</v>
      </c>
    </row>
    <row r="4537" spans="1:3" ht="24">
      <c r="A4537" s="10">
        <v>4535</v>
      </c>
      <c r="B4537" s="10" t="s">
        <v>2635</v>
      </c>
      <c r="C4537" s="12" t="s">
        <v>2565</v>
      </c>
    </row>
    <row r="4538" spans="1:3" ht="24">
      <c r="A4538" s="13">
        <v>4536</v>
      </c>
      <c r="B4538" s="10" t="s">
        <v>2635</v>
      </c>
      <c r="C4538" s="12" t="s">
        <v>2565</v>
      </c>
    </row>
    <row r="4539" spans="1:3" ht="24">
      <c r="A4539" s="13">
        <v>4537</v>
      </c>
      <c r="B4539" s="10" t="s">
        <v>37</v>
      </c>
      <c r="C4539" s="12" t="s">
        <v>2565</v>
      </c>
    </row>
    <row r="4540" spans="1:3" ht="24">
      <c r="A4540" s="13">
        <v>4538</v>
      </c>
      <c r="B4540" s="10" t="s">
        <v>37</v>
      </c>
      <c r="C4540" s="12" t="s">
        <v>2565</v>
      </c>
    </row>
    <row r="4541" spans="1:3" ht="24">
      <c r="A4541" s="10">
        <v>4539</v>
      </c>
      <c r="B4541" s="10" t="s">
        <v>37</v>
      </c>
      <c r="C4541" s="12" t="s">
        <v>2565</v>
      </c>
    </row>
    <row r="4542" spans="1:3" ht="24">
      <c r="A4542" s="13">
        <v>4540</v>
      </c>
      <c r="B4542" s="10" t="s">
        <v>37</v>
      </c>
      <c r="C4542" s="12" t="s">
        <v>2565</v>
      </c>
    </row>
    <row r="4543" spans="1:3" ht="24">
      <c r="A4543" s="13">
        <v>4541</v>
      </c>
      <c r="B4543" s="10" t="s">
        <v>2636</v>
      </c>
      <c r="C4543" s="12" t="s">
        <v>2565</v>
      </c>
    </row>
    <row r="4544" spans="1:3" ht="24">
      <c r="A4544" s="13">
        <v>4542</v>
      </c>
      <c r="B4544" s="10" t="s">
        <v>2636</v>
      </c>
      <c r="C4544" s="12" t="s">
        <v>2565</v>
      </c>
    </row>
    <row r="4545" spans="1:3" ht="24">
      <c r="A4545" s="10">
        <v>4543</v>
      </c>
      <c r="B4545" s="10" t="s">
        <v>1664</v>
      </c>
      <c r="C4545" s="12" t="s">
        <v>2565</v>
      </c>
    </row>
    <row r="4546" spans="1:3" ht="24">
      <c r="A4546" s="13">
        <v>4544</v>
      </c>
      <c r="B4546" s="10" t="s">
        <v>2637</v>
      </c>
      <c r="C4546" s="12" t="s">
        <v>2565</v>
      </c>
    </row>
    <row r="4547" spans="1:3" ht="24">
      <c r="A4547" s="13">
        <v>4545</v>
      </c>
      <c r="B4547" s="10" t="s">
        <v>2638</v>
      </c>
      <c r="C4547" s="12" t="s">
        <v>2565</v>
      </c>
    </row>
    <row r="4548" spans="1:3" ht="24">
      <c r="A4548" s="13">
        <v>4546</v>
      </c>
      <c r="B4548" s="10" t="s">
        <v>2639</v>
      </c>
      <c r="C4548" s="12" t="s">
        <v>2565</v>
      </c>
    </row>
    <row r="4549" spans="1:3" ht="24">
      <c r="A4549" s="10">
        <v>4547</v>
      </c>
      <c r="B4549" s="10" t="s">
        <v>2640</v>
      </c>
      <c r="C4549" s="12" t="s">
        <v>2565</v>
      </c>
    </row>
    <row r="4550" spans="1:3" ht="24">
      <c r="A4550" s="13">
        <v>4548</v>
      </c>
      <c r="B4550" s="10" t="s">
        <v>2638</v>
      </c>
      <c r="C4550" s="12" t="s">
        <v>2565</v>
      </c>
    </row>
    <row r="4551" spans="1:3" ht="24">
      <c r="A4551" s="13">
        <v>4549</v>
      </c>
      <c r="B4551" s="10" t="s">
        <v>2641</v>
      </c>
      <c r="C4551" s="12" t="s">
        <v>2565</v>
      </c>
    </row>
    <row r="4552" spans="1:3" ht="24">
      <c r="A4552" s="13">
        <v>4550</v>
      </c>
      <c r="B4552" s="10" t="s">
        <v>2642</v>
      </c>
      <c r="C4552" s="12" t="s">
        <v>2565</v>
      </c>
    </row>
    <row r="4553" spans="1:3" ht="24">
      <c r="A4553" s="10">
        <v>4551</v>
      </c>
      <c r="B4553" s="10" t="s">
        <v>2643</v>
      </c>
      <c r="C4553" s="12" t="s">
        <v>2565</v>
      </c>
    </row>
    <row r="4554" spans="1:3" ht="24">
      <c r="A4554" s="13">
        <v>4552</v>
      </c>
      <c r="B4554" s="10" t="s">
        <v>2644</v>
      </c>
      <c r="C4554" s="12" t="s">
        <v>2565</v>
      </c>
    </row>
    <row r="4555" spans="1:3" ht="24">
      <c r="A4555" s="13">
        <v>4553</v>
      </c>
      <c r="B4555" s="10" t="s">
        <v>2645</v>
      </c>
      <c r="C4555" s="12" t="s">
        <v>2565</v>
      </c>
    </row>
    <row r="4556" spans="1:3" ht="24">
      <c r="A4556" s="13">
        <v>4554</v>
      </c>
      <c r="B4556" s="10" t="s">
        <v>2646</v>
      </c>
      <c r="C4556" s="12" t="s">
        <v>2565</v>
      </c>
    </row>
    <row r="4557" spans="1:3" ht="24">
      <c r="A4557" s="10">
        <v>4555</v>
      </c>
      <c r="B4557" s="10" t="s">
        <v>2647</v>
      </c>
      <c r="C4557" s="12" t="s">
        <v>2565</v>
      </c>
    </row>
    <row r="4558" spans="1:3" ht="24">
      <c r="A4558" s="13">
        <v>4556</v>
      </c>
      <c r="B4558" s="10" t="s">
        <v>2648</v>
      </c>
      <c r="C4558" s="12" t="s">
        <v>2565</v>
      </c>
    </row>
    <row r="4559" spans="1:3" ht="24">
      <c r="A4559" s="13">
        <v>4557</v>
      </c>
      <c r="B4559" s="10" t="s">
        <v>2649</v>
      </c>
      <c r="C4559" s="12" t="s">
        <v>2565</v>
      </c>
    </row>
    <row r="4560" spans="1:3" ht="24">
      <c r="A4560" s="13">
        <v>4558</v>
      </c>
      <c r="B4560" s="10" t="s">
        <v>2650</v>
      </c>
      <c r="C4560" s="12" t="s">
        <v>2565</v>
      </c>
    </row>
    <row r="4561" spans="1:3" ht="24">
      <c r="A4561" s="10">
        <v>4559</v>
      </c>
      <c r="B4561" s="10" t="s">
        <v>2651</v>
      </c>
      <c r="C4561" s="12" t="s">
        <v>2565</v>
      </c>
    </row>
    <row r="4562" spans="1:3" ht="24">
      <c r="A4562" s="13">
        <v>4560</v>
      </c>
      <c r="B4562" s="10" t="s">
        <v>1977</v>
      </c>
      <c r="C4562" s="12" t="s">
        <v>2565</v>
      </c>
    </row>
    <row r="4563" spans="1:3" ht="24">
      <c r="A4563" s="13">
        <v>4561</v>
      </c>
      <c r="B4563" s="10" t="s">
        <v>2652</v>
      </c>
      <c r="C4563" s="12" t="s">
        <v>2565</v>
      </c>
    </row>
    <row r="4564" spans="1:3" ht="24">
      <c r="A4564" s="13">
        <v>4562</v>
      </c>
      <c r="B4564" s="10" t="s">
        <v>2653</v>
      </c>
      <c r="C4564" s="12" t="s">
        <v>2565</v>
      </c>
    </row>
    <row r="4565" spans="1:3" ht="24">
      <c r="A4565" s="10">
        <v>4563</v>
      </c>
      <c r="B4565" s="10" t="s">
        <v>939</v>
      </c>
      <c r="C4565" s="12" t="s">
        <v>2565</v>
      </c>
    </row>
    <row r="4566" spans="1:3" ht="24">
      <c r="A4566" s="13">
        <v>4564</v>
      </c>
      <c r="B4566" s="10" t="s">
        <v>2654</v>
      </c>
      <c r="C4566" s="12" t="s">
        <v>2565</v>
      </c>
    </row>
    <row r="4567" spans="1:3" ht="24">
      <c r="A4567" s="13">
        <v>4565</v>
      </c>
      <c r="B4567" s="10" t="s">
        <v>2655</v>
      </c>
      <c r="C4567" s="12" t="s">
        <v>2565</v>
      </c>
    </row>
    <row r="4568" spans="1:3" ht="24">
      <c r="A4568" s="13">
        <v>4566</v>
      </c>
      <c r="B4568" s="10" t="s">
        <v>2655</v>
      </c>
      <c r="C4568" s="12" t="s">
        <v>2565</v>
      </c>
    </row>
    <row r="4569" spans="1:3" ht="24">
      <c r="A4569" s="10">
        <v>4567</v>
      </c>
      <c r="B4569" s="10" t="s">
        <v>2655</v>
      </c>
      <c r="C4569" s="12" t="s">
        <v>2565</v>
      </c>
    </row>
    <row r="4570" spans="1:3" ht="24">
      <c r="A4570" s="13">
        <v>4568</v>
      </c>
      <c r="B4570" s="10" t="s">
        <v>2656</v>
      </c>
      <c r="C4570" s="12" t="s">
        <v>2565</v>
      </c>
    </row>
    <row r="4571" spans="1:3" ht="24">
      <c r="A4571" s="13">
        <v>4569</v>
      </c>
      <c r="B4571" s="10" t="s">
        <v>2656</v>
      </c>
      <c r="C4571" s="12" t="s">
        <v>2565</v>
      </c>
    </row>
    <row r="4572" spans="1:3" ht="24">
      <c r="A4572" s="13">
        <v>4570</v>
      </c>
      <c r="B4572" s="10" t="s">
        <v>1497</v>
      </c>
      <c r="C4572" s="12" t="s">
        <v>2565</v>
      </c>
    </row>
    <row r="4573" spans="1:3" ht="24">
      <c r="A4573" s="10">
        <v>4571</v>
      </c>
      <c r="B4573" s="10" t="s">
        <v>2657</v>
      </c>
      <c r="C4573" s="12" t="s">
        <v>2565</v>
      </c>
    </row>
    <row r="4574" spans="1:3" ht="24">
      <c r="A4574" s="13">
        <v>4572</v>
      </c>
      <c r="B4574" s="10" t="s">
        <v>115</v>
      </c>
      <c r="C4574" s="12" t="s">
        <v>2565</v>
      </c>
    </row>
    <row r="4575" spans="1:3" ht="24">
      <c r="A4575" s="13">
        <v>4573</v>
      </c>
      <c r="B4575" s="10" t="s">
        <v>2658</v>
      </c>
      <c r="C4575" s="12" t="s">
        <v>2565</v>
      </c>
    </row>
    <row r="4576" spans="1:3" ht="24">
      <c r="A4576" s="13">
        <v>4574</v>
      </c>
      <c r="B4576" s="10" t="s">
        <v>2658</v>
      </c>
      <c r="C4576" s="12" t="s">
        <v>2565</v>
      </c>
    </row>
    <row r="4577" spans="1:3" ht="24">
      <c r="A4577" s="10">
        <v>4575</v>
      </c>
      <c r="B4577" s="10" t="s">
        <v>2659</v>
      </c>
      <c r="C4577" s="12" t="s">
        <v>2565</v>
      </c>
    </row>
    <row r="4578" spans="1:3" ht="24">
      <c r="A4578" s="13">
        <v>4576</v>
      </c>
      <c r="B4578" s="10" t="s">
        <v>2660</v>
      </c>
      <c r="C4578" s="12" t="s">
        <v>2565</v>
      </c>
    </row>
    <row r="4579" spans="1:3" ht="24">
      <c r="A4579" s="13">
        <v>4577</v>
      </c>
      <c r="B4579" s="10" t="s">
        <v>2660</v>
      </c>
      <c r="C4579" s="12" t="s">
        <v>2565</v>
      </c>
    </row>
    <row r="4580" spans="1:3" ht="24">
      <c r="A4580" s="13">
        <v>4578</v>
      </c>
      <c r="B4580" s="10" t="s">
        <v>2661</v>
      </c>
      <c r="C4580" s="12" t="s">
        <v>2565</v>
      </c>
    </row>
    <row r="4581" spans="1:3" ht="24">
      <c r="A4581" s="10">
        <v>4579</v>
      </c>
      <c r="B4581" s="10" t="s">
        <v>2661</v>
      </c>
      <c r="C4581" s="12" t="s">
        <v>2565</v>
      </c>
    </row>
    <row r="4582" spans="1:3" ht="24">
      <c r="A4582" s="13">
        <v>4580</v>
      </c>
      <c r="B4582" s="10" t="s">
        <v>2662</v>
      </c>
      <c r="C4582" s="12" t="s">
        <v>2565</v>
      </c>
    </row>
    <row r="4583" spans="1:3" ht="24">
      <c r="A4583" s="13">
        <v>4581</v>
      </c>
      <c r="B4583" s="10" t="s">
        <v>2663</v>
      </c>
      <c r="C4583" s="12" t="s">
        <v>2565</v>
      </c>
    </row>
    <row r="4584" spans="1:3" ht="24">
      <c r="A4584" s="13">
        <v>4582</v>
      </c>
      <c r="B4584" s="11" t="s">
        <v>1190</v>
      </c>
      <c r="C4584" s="12" t="s">
        <v>2565</v>
      </c>
    </row>
    <row r="4585" spans="1:3" ht="24">
      <c r="A4585" s="10">
        <v>4583</v>
      </c>
      <c r="B4585" s="11" t="s">
        <v>1210</v>
      </c>
      <c r="C4585" s="12" t="s">
        <v>2565</v>
      </c>
    </row>
    <row r="4586" spans="1:3" ht="24">
      <c r="A4586" s="13">
        <v>4584</v>
      </c>
      <c r="B4586" s="11" t="s">
        <v>2664</v>
      </c>
      <c r="C4586" s="12" t="s">
        <v>2565</v>
      </c>
    </row>
    <row r="4587" spans="1:3" ht="24">
      <c r="A4587" s="13">
        <v>4585</v>
      </c>
      <c r="B4587" s="11" t="s">
        <v>2664</v>
      </c>
      <c r="C4587" s="12" t="s">
        <v>2565</v>
      </c>
    </row>
    <row r="4588" spans="1:3" ht="24">
      <c r="A4588" s="13">
        <v>4586</v>
      </c>
      <c r="B4588" s="10" t="s">
        <v>2665</v>
      </c>
      <c r="C4588" s="12" t="s">
        <v>2565</v>
      </c>
    </row>
    <row r="4589" spans="1:3" ht="24">
      <c r="A4589" s="10">
        <v>4587</v>
      </c>
      <c r="B4589" s="10" t="s">
        <v>2666</v>
      </c>
      <c r="C4589" s="12" t="s">
        <v>2565</v>
      </c>
    </row>
    <row r="4590" spans="1:3" ht="24">
      <c r="A4590" s="13">
        <v>4588</v>
      </c>
      <c r="B4590" s="10" t="s">
        <v>2667</v>
      </c>
      <c r="C4590" s="12" t="s">
        <v>2565</v>
      </c>
    </row>
    <row r="4591" spans="1:3" ht="24">
      <c r="A4591" s="13">
        <v>4589</v>
      </c>
      <c r="B4591" s="10" t="s">
        <v>2668</v>
      </c>
      <c r="C4591" s="12" t="s">
        <v>2565</v>
      </c>
    </row>
    <row r="4592" spans="1:3" ht="24">
      <c r="A4592" s="13">
        <v>4590</v>
      </c>
      <c r="B4592" s="10" t="s">
        <v>2669</v>
      </c>
      <c r="C4592" s="12" t="s">
        <v>2565</v>
      </c>
    </row>
    <row r="4593" spans="1:3" ht="24">
      <c r="A4593" s="10">
        <v>4591</v>
      </c>
      <c r="B4593" s="10" t="s">
        <v>2670</v>
      </c>
      <c r="C4593" s="12" t="s">
        <v>2565</v>
      </c>
    </row>
    <row r="4594" spans="1:3" ht="24">
      <c r="A4594" s="13">
        <v>4592</v>
      </c>
      <c r="B4594" s="10" t="s">
        <v>2671</v>
      </c>
      <c r="C4594" s="12" t="s">
        <v>2565</v>
      </c>
    </row>
    <row r="4595" spans="1:3" ht="24">
      <c r="A4595" s="13">
        <v>4593</v>
      </c>
      <c r="B4595" s="10" t="s">
        <v>2672</v>
      </c>
      <c r="C4595" s="12" t="s">
        <v>2565</v>
      </c>
    </row>
    <row r="4596" spans="1:3" ht="24">
      <c r="A4596" s="13">
        <v>4594</v>
      </c>
      <c r="B4596" s="10" t="s">
        <v>2673</v>
      </c>
      <c r="C4596" s="12" t="s">
        <v>2565</v>
      </c>
    </row>
    <row r="4597" spans="1:3" ht="24">
      <c r="A4597" s="10">
        <v>4595</v>
      </c>
      <c r="B4597" s="10" t="s">
        <v>2674</v>
      </c>
      <c r="C4597" s="12" t="s">
        <v>2565</v>
      </c>
    </row>
    <row r="4598" spans="1:3" ht="24">
      <c r="A4598" s="13">
        <v>4596</v>
      </c>
      <c r="B4598" s="10" t="s">
        <v>2675</v>
      </c>
      <c r="C4598" s="12" t="s">
        <v>2565</v>
      </c>
    </row>
    <row r="4599" spans="1:3" ht="24">
      <c r="A4599" s="13">
        <v>4597</v>
      </c>
      <c r="B4599" s="10" t="s">
        <v>2676</v>
      </c>
      <c r="C4599" s="12" t="s">
        <v>2565</v>
      </c>
    </row>
    <row r="4600" spans="1:3" ht="24">
      <c r="A4600" s="13">
        <v>4598</v>
      </c>
      <c r="B4600" s="10" t="s">
        <v>2677</v>
      </c>
      <c r="C4600" s="12" t="s">
        <v>2565</v>
      </c>
    </row>
    <row r="4601" spans="1:3" ht="24">
      <c r="A4601" s="10">
        <v>4599</v>
      </c>
      <c r="B4601" s="10" t="s">
        <v>2678</v>
      </c>
      <c r="C4601" s="12" t="s">
        <v>2565</v>
      </c>
    </row>
    <row r="4602" spans="1:3" ht="24">
      <c r="A4602" s="13">
        <v>4600</v>
      </c>
      <c r="B4602" s="10" t="s">
        <v>2679</v>
      </c>
      <c r="C4602" s="12" t="s">
        <v>2565</v>
      </c>
    </row>
    <row r="4603" spans="1:3" ht="24">
      <c r="A4603" s="13">
        <v>4601</v>
      </c>
      <c r="B4603" s="10" t="s">
        <v>2680</v>
      </c>
      <c r="C4603" s="12" t="s">
        <v>2565</v>
      </c>
    </row>
    <row r="4604" spans="1:3" ht="24">
      <c r="A4604" s="13">
        <v>4602</v>
      </c>
      <c r="B4604" s="10" t="s">
        <v>2672</v>
      </c>
      <c r="C4604" s="12" t="s">
        <v>2565</v>
      </c>
    </row>
    <row r="4605" spans="1:3" ht="24">
      <c r="A4605" s="10">
        <v>4603</v>
      </c>
      <c r="B4605" s="10" t="s">
        <v>2681</v>
      </c>
      <c r="C4605" s="12" t="s">
        <v>2565</v>
      </c>
    </row>
    <row r="4606" spans="1:3" ht="24">
      <c r="A4606" s="13">
        <v>4604</v>
      </c>
      <c r="B4606" s="10" t="s">
        <v>2682</v>
      </c>
      <c r="C4606" s="12" t="s">
        <v>2565</v>
      </c>
    </row>
    <row r="4607" spans="1:3" ht="31.5">
      <c r="A4607" s="13">
        <v>4605</v>
      </c>
      <c r="B4607" s="10" t="s">
        <v>2683</v>
      </c>
      <c r="C4607" s="12" t="s">
        <v>2565</v>
      </c>
    </row>
    <row r="4608" spans="1:3" ht="24">
      <c r="A4608" s="13">
        <v>4606</v>
      </c>
      <c r="B4608" s="10" t="s">
        <v>2684</v>
      </c>
      <c r="C4608" s="12" t="s">
        <v>2565</v>
      </c>
    </row>
    <row r="4609" spans="1:3" ht="24">
      <c r="A4609" s="10">
        <v>4607</v>
      </c>
      <c r="B4609" s="10" t="s">
        <v>2685</v>
      </c>
      <c r="C4609" s="12" t="s">
        <v>2565</v>
      </c>
    </row>
    <row r="4610" spans="1:3" ht="24">
      <c r="A4610" s="13">
        <v>4608</v>
      </c>
      <c r="B4610" s="10" t="s">
        <v>2686</v>
      </c>
      <c r="C4610" s="12" t="s">
        <v>2565</v>
      </c>
    </row>
    <row r="4611" spans="1:3" ht="31.5">
      <c r="A4611" s="13">
        <v>4609</v>
      </c>
      <c r="B4611" s="10" t="s">
        <v>2687</v>
      </c>
      <c r="C4611" s="12" t="s">
        <v>2565</v>
      </c>
    </row>
    <row r="4612" spans="1:3" ht="24">
      <c r="A4612" s="13">
        <v>4610</v>
      </c>
      <c r="B4612" s="10" t="s">
        <v>2688</v>
      </c>
      <c r="C4612" s="12" t="s">
        <v>2565</v>
      </c>
    </row>
    <row r="4613" spans="1:3" ht="24">
      <c r="A4613" s="10">
        <v>4611</v>
      </c>
      <c r="B4613" s="10" t="s">
        <v>2689</v>
      </c>
      <c r="C4613" s="12" t="s">
        <v>2565</v>
      </c>
    </row>
    <row r="4614" spans="1:3" ht="24">
      <c r="A4614" s="13">
        <v>4612</v>
      </c>
      <c r="B4614" s="10" t="s">
        <v>2690</v>
      </c>
      <c r="C4614" s="12" t="s">
        <v>2565</v>
      </c>
    </row>
    <row r="4615" spans="1:3" ht="24">
      <c r="A4615" s="13">
        <v>4613</v>
      </c>
      <c r="B4615" s="10" t="s">
        <v>2691</v>
      </c>
      <c r="C4615" s="12" t="s">
        <v>2565</v>
      </c>
    </row>
    <row r="4616" spans="1:3" ht="31.5">
      <c r="A4616" s="13">
        <v>4614</v>
      </c>
      <c r="B4616" s="10" t="s">
        <v>2692</v>
      </c>
      <c r="C4616" s="12" t="s">
        <v>2565</v>
      </c>
    </row>
    <row r="4617" spans="1:3" ht="31.5">
      <c r="A4617" s="10">
        <v>4615</v>
      </c>
      <c r="B4617" s="10" t="s">
        <v>2693</v>
      </c>
      <c r="C4617" s="12" t="s">
        <v>2565</v>
      </c>
    </row>
    <row r="4618" spans="1:3" ht="24">
      <c r="A4618" s="13">
        <v>4616</v>
      </c>
      <c r="B4618" s="10" t="s">
        <v>2694</v>
      </c>
      <c r="C4618" s="12" t="s">
        <v>2565</v>
      </c>
    </row>
    <row r="4619" spans="1:3" ht="31.5">
      <c r="A4619" s="13">
        <v>4617</v>
      </c>
      <c r="B4619" s="10" t="s">
        <v>2695</v>
      </c>
      <c r="C4619" s="12" t="s">
        <v>2565</v>
      </c>
    </row>
    <row r="4620" spans="1:3" ht="24">
      <c r="A4620" s="13">
        <v>4618</v>
      </c>
      <c r="B4620" s="10" t="s">
        <v>2696</v>
      </c>
      <c r="C4620" s="12" t="s">
        <v>2565</v>
      </c>
    </row>
    <row r="4621" spans="1:3" ht="24">
      <c r="A4621" s="10">
        <v>4619</v>
      </c>
      <c r="B4621" s="10" t="s">
        <v>2697</v>
      </c>
      <c r="C4621" s="12" t="s">
        <v>2565</v>
      </c>
    </row>
    <row r="4622" spans="1:3" ht="24">
      <c r="A4622" s="13">
        <v>4620</v>
      </c>
      <c r="B4622" s="10" t="s">
        <v>2697</v>
      </c>
      <c r="C4622" s="12" t="s">
        <v>2565</v>
      </c>
    </row>
    <row r="4623" spans="1:3" ht="24">
      <c r="A4623" s="13">
        <v>4621</v>
      </c>
      <c r="B4623" s="10" t="s">
        <v>2697</v>
      </c>
      <c r="C4623" s="12" t="s">
        <v>2565</v>
      </c>
    </row>
    <row r="4624" spans="1:3" ht="24">
      <c r="A4624" s="13">
        <v>4622</v>
      </c>
      <c r="B4624" s="10" t="s">
        <v>2698</v>
      </c>
      <c r="C4624" s="12" t="s">
        <v>2565</v>
      </c>
    </row>
    <row r="4625" spans="1:3" ht="24">
      <c r="A4625" s="10">
        <v>4623</v>
      </c>
      <c r="B4625" s="10" t="s">
        <v>2699</v>
      </c>
      <c r="C4625" s="12" t="s">
        <v>2565</v>
      </c>
    </row>
    <row r="4626" spans="1:3" ht="24">
      <c r="A4626" s="13">
        <v>4624</v>
      </c>
      <c r="B4626" s="10" t="s">
        <v>2700</v>
      </c>
      <c r="C4626" s="12" t="s">
        <v>2565</v>
      </c>
    </row>
    <row r="4627" spans="1:3" ht="24">
      <c r="A4627" s="13">
        <v>4625</v>
      </c>
      <c r="B4627" s="10" t="s">
        <v>2701</v>
      </c>
      <c r="C4627" s="12" t="s">
        <v>2565</v>
      </c>
    </row>
    <row r="4628" spans="1:3" ht="24">
      <c r="A4628" s="13">
        <v>4626</v>
      </c>
      <c r="B4628" s="10" t="s">
        <v>2702</v>
      </c>
      <c r="C4628" s="12" t="s">
        <v>2565</v>
      </c>
    </row>
    <row r="4629" spans="1:3" ht="24">
      <c r="A4629" s="10">
        <v>4627</v>
      </c>
      <c r="B4629" s="10" t="s">
        <v>2703</v>
      </c>
      <c r="C4629" s="12" t="s">
        <v>2565</v>
      </c>
    </row>
    <row r="4630" spans="1:3" ht="24">
      <c r="A4630" s="13">
        <v>4628</v>
      </c>
      <c r="B4630" s="10" t="s">
        <v>2704</v>
      </c>
      <c r="C4630" s="12" t="s">
        <v>2565</v>
      </c>
    </row>
    <row r="4631" spans="1:3" ht="24">
      <c r="A4631" s="13">
        <v>4629</v>
      </c>
      <c r="B4631" s="10" t="s">
        <v>2705</v>
      </c>
      <c r="C4631" s="12" t="s">
        <v>2565</v>
      </c>
    </row>
    <row r="4632" spans="1:3" ht="24">
      <c r="A4632" s="13">
        <v>4630</v>
      </c>
      <c r="B4632" s="10" t="s">
        <v>2706</v>
      </c>
      <c r="C4632" s="12" t="s">
        <v>2565</v>
      </c>
    </row>
    <row r="4633" spans="1:3" ht="24">
      <c r="A4633" s="10">
        <v>4631</v>
      </c>
      <c r="B4633" s="10" t="s">
        <v>2707</v>
      </c>
      <c r="C4633" s="12" t="s">
        <v>2565</v>
      </c>
    </row>
    <row r="4634" spans="1:3" ht="31.5">
      <c r="A4634" s="13">
        <v>4632</v>
      </c>
      <c r="B4634" s="10" t="s">
        <v>2708</v>
      </c>
      <c r="C4634" s="12" t="s">
        <v>2565</v>
      </c>
    </row>
    <row r="4635" spans="1:3" ht="24">
      <c r="A4635" s="13">
        <v>4633</v>
      </c>
      <c r="B4635" s="10" t="s">
        <v>2709</v>
      </c>
      <c r="C4635" s="12" t="s">
        <v>2565</v>
      </c>
    </row>
    <row r="4636" spans="1:3" ht="24">
      <c r="A4636" s="13">
        <v>4634</v>
      </c>
      <c r="B4636" s="10" t="s">
        <v>2710</v>
      </c>
      <c r="C4636" s="12" t="s">
        <v>2565</v>
      </c>
    </row>
    <row r="4637" spans="1:3" ht="24">
      <c r="A4637" s="10">
        <v>4635</v>
      </c>
      <c r="B4637" s="10" t="s">
        <v>2711</v>
      </c>
      <c r="C4637" s="12" t="s">
        <v>2565</v>
      </c>
    </row>
    <row r="4638" spans="1:3" ht="24">
      <c r="A4638" s="13">
        <v>4636</v>
      </c>
      <c r="B4638" s="10" t="s">
        <v>2712</v>
      </c>
      <c r="C4638" s="12" t="s">
        <v>2565</v>
      </c>
    </row>
    <row r="4639" spans="1:3" ht="24">
      <c r="A4639" s="13">
        <v>4637</v>
      </c>
      <c r="B4639" s="10" t="s">
        <v>2713</v>
      </c>
      <c r="C4639" s="12" t="s">
        <v>2565</v>
      </c>
    </row>
    <row r="4640" spans="1:3" ht="24">
      <c r="A4640" s="13">
        <v>4638</v>
      </c>
      <c r="B4640" s="10" t="s">
        <v>2714</v>
      </c>
      <c r="C4640" s="12" t="s">
        <v>2565</v>
      </c>
    </row>
    <row r="4641" spans="1:3" ht="24">
      <c r="A4641" s="10">
        <v>4639</v>
      </c>
      <c r="B4641" s="10" t="s">
        <v>2715</v>
      </c>
      <c r="C4641" s="12" t="s">
        <v>2565</v>
      </c>
    </row>
    <row r="4642" spans="1:3" ht="24">
      <c r="A4642" s="13">
        <v>4640</v>
      </c>
      <c r="B4642" s="10" t="s">
        <v>1419</v>
      </c>
      <c r="C4642" s="12" t="s">
        <v>2565</v>
      </c>
    </row>
    <row r="4643" spans="1:3" ht="24">
      <c r="A4643" s="13">
        <v>4641</v>
      </c>
      <c r="B4643" s="10" t="s">
        <v>2716</v>
      </c>
      <c r="C4643" s="12" t="s">
        <v>2565</v>
      </c>
    </row>
    <row r="4644" spans="1:3" ht="24">
      <c r="A4644" s="13">
        <v>4642</v>
      </c>
      <c r="B4644" s="10" t="s">
        <v>2717</v>
      </c>
      <c r="C4644" s="12" t="s">
        <v>2565</v>
      </c>
    </row>
    <row r="4645" spans="1:3" ht="24">
      <c r="A4645" s="10">
        <v>4643</v>
      </c>
      <c r="B4645" s="10" t="s">
        <v>2718</v>
      </c>
      <c r="C4645" s="12" t="s">
        <v>2565</v>
      </c>
    </row>
    <row r="4646" spans="1:3" ht="24">
      <c r="A4646" s="13">
        <v>4644</v>
      </c>
      <c r="B4646" s="10" t="s">
        <v>2719</v>
      </c>
      <c r="C4646" s="12" t="s">
        <v>2565</v>
      </c>
    </row>
    <row r="4647" spans="1:3" ht="24">
      <c r="A4647" s="13">
        <v>4645</v>
      </c>
      <c r="B4647" s="10" t="s">
        <v>2720</v>
      </c>
      <c r="C4647" s="12" t="s">
        <v>2565</v>
      </c>
    </row>
    <row r="4648" spans="1:3" ht="24">
      <c r="A4648" s="13">
        <v>4646</v>
      </c>
      <c r="B4648" s="10" t="s">
        <v>2721</v>
      </c>
      <c r="C4648" s="12" t="s">
        <v>2565</v>
      </c>
    </row>
    <row r="4649" spans="1:3" ht="24">
      <c r="A4649" s="10">
        <v>4647</v>
      </c>
      <c r="B4649" s="10" t="s">
        <v>2722</v>
      </c>
      <c r="C4649" s="12" t="s">
        <v>2565</v>
      </c>
    </row>
    <row r="4650" spans="1:3" ht="15.75">
      <c r="A4650" s="13">
        <v>4648</v>
      </c>
      <c r="B4650" s="10" t="s">
        <v>2723</v>
      </c>
      <c r="C4650" s="12" t="s">
        <v>2724</v>
      </c>
    </row>
    <row r="4651" spans="1:3" ht="15.75">
      <c r="A4651" s="13">
        <v>4649</v>
      </c>
      <c r="B4651" s="10" t="s">
        <v>2725</v>
      </c>
      <c r="C4651" s="12" t="s">
        <v>2724</v>
      </c>
    </row>
    <row r="4652" spans="1:3" ht="15.75">
      <c r="A4652" s="13">
        <v>4650</v>
      </c>
      <c r="B4652" s="10" t="s">
        <v>2726</v>
      </c>
      <c r="C4652" s="12" t="s">
        <v>2724</v>
      </c>
    </row>
    <row r="4653" spans="1:3" ht="15.75">
      <c r="A4653" s="10">
        <v>4651</v>
      </c>
      <c r="B4653" s="10" t="s">
        <v>2727</v>
      </c>
      <c r="C4653" s="12" t="s">
        <v>2724</v>
      </c>
    </row>
    <row r="4654" spans="1:3" ht="15.75">
      <c r="A4654" s="13">
        <v>4652</v>
      </c>
      <c r="B4654" s="10" t="s">
        <v>2728</v>
      </c>
      <c r="C4654" s="12" t="s">
        <v>2724</v>
      </c>
    </row>
    <row r="4655" spans="1:3" ht="15.75">
      <c r="A4655" s="13">
        <v>4653</v>
      </c>
      <c r="B4655" s="10" t="s">
        <v>2729</v>
      </c>
      <c r="C4655" s="12" t="s">
        <v>2724</v>
      </c>
    </row>
    <row r="4656" spans="1:3" ht="15.75">
      <c r="A4656" s="13">
        <v>4654</v>
      </c>
      <c r="B4656" s="10" t="s">
        <v>151</v>
      </c>
      <c r="C4656" s="12" t="s">
        <v>2724</v>
      </c>
    </row>
    <row r="4657" spans="1:3" ht="15.75">
      <c r="A4657" s="10">
        <v>4655</v>
      </c>
      <c r="B4657" s="10" t="s">
        <v>2730</v>
      </c>
      <c r="C4657" s="12" t="s">
        <v>2724</v>
      </c>
    </row>
    <row r="4658" spans="1:3" ht="15.75">
      <c r="A4658" s="13">
        <v>4656</v>
      </c>
      <c r="B4658" s="10" t="s">
        <v>2731</v>
      </c>
      <c r="C4658" s="12" t="s">
        <v>2724</v>
      </c>
    </row>
    <row r="4659" spans="1:3" ht="15.75">
      <c r="A4659" s="13">
        <v>4657</v>
      </c>
      <c r="B4659" s="10" t="s">
        <v>2732</v>
      </c>
      <c r="C4659" s="12" t="s">
        <v>2724</v>
      </c>
    </row>
    <row r="4660" spans="1:3" ht="15.75">
      <c r="A4660" s="13">
        <v>4658</v>
      </c>
      <c r="B4660" s="10" t="s">
        <v>1811</v>
      </c>
      <c r="C4660" s="12" t="s">
        <v>2724</v>
      </c>
    </row>
    <row r="4661" spans="1:3" ht="15.75">
      <c r="A4661" s="10">
        <v>4659</v>
      </c>
      <c r="B4661" s="10" t="s">
        <v>1569</v>
      </c>
      <c r="C4661" s="12" t="s">
        <v>2724</v>
      </c>
    </row>
    <row r="4662" spans="1:3" ht="15.75">
      <c r="A4662" s="13">
        <v>4660</v>
      </c>
      <c r="B4662" s="10" t="s">
        <v>2734</v>
      </c>
      <c r="C4662" s="12" t="s">
        <v>2724</v>
      </c>
    </row>
    <row r="4663" spans="1:3" ht="15.75">
      <c r="A4663" s="13">
        <v>4661</v>
      </c>
      <c r="B4663" s="10" t="s">
        <v>2330</v>
      </c>
      <c r="C4663" s="12" t="s">
        <v>2724</v>
      </c>
    </row>
    <row r="4664" spans="1:3" ht="15.75">
      <c r="A4664" s="13">
        <v>4662</v>
      </c>
      <c r="B4664" s="10" t="s">
        <v>1805</v>
      </c>
      <c r="C4664" s="12" t="s">
        <v>2724</v>
      </c>
    </row>
    <row r="4665" spans="1:3" ht="15.75">
      <c r="A4665" s="10">
        <v>4663</v>
      </c>
      <c r="B4665" s="10" t="s">
        <v>2736</v>
      </c>
      <c r="C4665" s="12" t="s">
        <v>2724</v>
      </c>
    </row>
    <row r="4666" spans="1:3" ht="15.75">
      <c r="A4666" s="13">
        <v>4664</v>
      </c>
      <c r="B4666" s="10" t="s">
        <v>2737</v>
      </c>
      <c r="C4666" s="12" t="s">
        <v>2724</v>
      </c>
    </row>
    <row r="4667" spans="1:3" ht="15.75">
      <c r="A4667" s="13">
        <v>4665</v>
      </c>
      <c r="B4667" s="10" t="s">
        <v>2738</v>
      </c>
      <c r="C4667" s="12" t="s">
        <v>2724</v>
      </c>
    </row>
    <row r="4668" spans="1:3" ht="15.75">
      <c r="A4668" s="13">
        <v>4666</v>
      </c>
      <c r="B4668" s="15" t="s">
        <v>2739</v>
      </c>
      <c r="C4668" s="12" t="s">
        <v>2724</v>
      </c>
    </row>
    <row r="4669" spans="1:3" ht="15.75">
      <c r="A4669" s="10">
        <v>4667</v>
      </c>
      <c r="B4669" s="10" t="s">
        <v>2740</v>
      </c>
      <c r="C4669" s="12" t="s">
        <v>2724</v>
      </c>
    </row>
    <row r="4670" spans="1:3" ht="15.75">
      <c r="A4670" s="13">
        <v>4668</v>
      </c>
      <c r="B4670" s="10" t="s">
        <v>2741</v>
      </c>
      <c r="C4670" s="12" t="s">
        <v>2724</v>
      </c>
    </row>
    <row r="4671" spans="1:3" ht="15.75">
      <c r="A4671" s="13">
        <v>4669</v>
      </c>
      <c r="B4671" s="10" t="s">
        <v>2742</v>
      </c>
      <c r="C4671" s="12" t="s">
        <v>2724</v>
      </c>
    </row>
    <row r="4672" spans="1:3" ht="15.75">
      <c r="A4672" s="13">
        <v>4670</v>
      </c>
      <c r="B4672" s="10" t="s">
        <v>2743</v>
      </c>
      <c r="C4672" s="12" t="s">
        <v>2724</v>
      </c>
    </row>
    <row r="4673" spans="1:3" ht="15.75">
      <c r="A4673" s="10">
        <v>4671</v>
      </c>
      <c r="B4673" s="16" t="s">
        <v>2744</v>
      </c>
      <c r="C4673" s="12" t="s">
        <v>2724</v>
      </c>
    </row>
    <row r="4674" spans="1:3" ht="15.75">
      <c r="A4674" s="13">
        <v>4672</v>
      </c>
      <c r="B4674" s="10" t="s">
        <v>2146</v>
      </c>
      <c r="C4674" s="12" t="s">
        <v>2724</v>
      </c>
    </row>
    <row r="4675" spans="1:3" ht="15.75">
      <c r="A4675" s="13">
        <v>4673</v>
      </c>
      <c r="B4675" s="10" t="s">
        <v>2745</v>
      </c>
      <c r="C4675" s="12" t="s">
        <v>2724</v>
      </c>
    </row>
    <row r="4676" spans="1:3" ht="15.75">
      <c r="A4676" s="13">
        <v>4674</v>
      </c>
      <c r="B4676" s="10" t="s">
        <v>2746</v>
      </c>
      <c r="C4676" s="12" t="s">
        <v>2724</v>
      </c>
    </row>
    <row r="4677" spans="1:3" ht="15.75">
      <c r="A4677" s="10">
        <v>4675</v>
      </c>
      <c r="B4677" s="10" t="s">
        <v>2746</v>
      </c>
      <c r="C4677" s="12" t="s">
        <v>2724</v>
      </c>
    </row>
    <row r="4678" spans="1:3" ht="15.75">
      <c r="A4678" s="13">
        <v>4676</v>
      </c>
      <c r="B4678" s="10" t="s">
        <v>1517</v>
      </c>
      <c r="C4678" s="12" t="s">
        <v>2724</v>
      </c>
    </row>
    <row r="4679" spans="1:3" ht="15.75">
      <c r="A4679" s="13">
        <v>4677</v>
      </c>
      <c r="B4679" s="10" t="s">
        <v>2747</v>
      </c>
      <c r="C4679" s="12" t="s">
        <v>2724</v>
      </c>
    </row>
    <row r="4680" spans="1:3" ht="15.75">
      <c r="A4680" s="13">
        <v>4678</v>
      </c>
      <c r="B4680" s="10" t="s">
        <v>2748</v>
      </c>
      <c r="C4680" s="12" t="s">
        <v>2724</v>
      </c>
    </row>
    <row r="4681" spans="1:3" ht="15.75">
      <c r="A4681" s="10">
        <v>4679</v>
      </c>
      <c r="B4681" s="10" t="s">
        <v>2749</v>
      </c>
      <c r="C4681" s="12" t="s">
        <v>2724</v>
      </c>
    </row>
    <row r="4682" spans="1:3" ht="15.75">
      <c r="A4682" s="13">
        <v>4680</v>
      </c>
      <c r="B4682" s="10" t="s">
        <v>1848</v>
      </c>
      <c r="C4682" s="12" t="s">
        <v>2724</v>
      </c>
    </row>
    <row r="4683" spans="1:3" ht="15.75">
      <c r="A4683" s="13">
        <v>4681</v>
      </c>
      <c r="B4683" s="10" t="s">
        <v>2750</v>
      </c>
      <c r="C4683" s="12" t="s">
        <v>2724</v>
      </c>
    </row>
    <row r="4684" spans="1:3" ht="15.75">
      <c r="A4684" s="13">
        <v>4682</v>
      </c>
      <c r="B4684" s="10" t="s">
        <v>2361</v>
      </c>
      <c r="C4684" s="12" t="s">
        <v>2724</v>
      </c>
    </row>
    <row r="4685" spans="1:3" ht="15.75">
      <c r="A4685" s="10">
        <v>4683</v>
      </c>
      <c r="B4685" s="10" t="s">
        <v>1631</v>
      </c>
      <c r="C4685" s="12" t="s">
        <v>2724</v>
      </c>
    </row>
    <row r="4686" spans="1:3" ht="15.75">
      <c r="A4686" s="13">
        <v>4684</v>
      </c>
      <c r="B4686" s="10" t="s">
        <v>2751</v>
      </c>
      <c r="C4686" s="12" t="s">
        <v>2724</v>
      </c>
    </row>
    <row r="4687" spans="1:3" ht="15.75">
      <c r="A4687" s="13">
        <v>4685</v>
      </c>
      <c r="B4687" s="10" t="s">
        <v>2752</v>
      </c>
      <c r="C4687" s="12" t="s">
        <v>2724</v>
      </c>
    </row>
    <row r="4688" spans="1:3" ht="15.75">
      <c r="A4688" s="13">
        <v>4686</v>
      </c>
      <c r="B4688" s="10" t="s">
        <v>2752</v>
      </c>
      <c r="C4688" s="12" t="s">
        <v>2724</v>
      </c>
    </row>
    <row r="4689" spans="1:3" ht="15.75">
      <c r="A4689" s="10">
        <v>4687</v>
      </c>
      <c r="B4689" s="10" t="s">
        <v>1429</v>
      </c>
      <c r="C4689" s="12" t="s">
        <v>2724</v>
      </c>
    </row>
    <row r="4690" spans="1:3" ht="15.75">
      <c r="A4690" s="13">
        <v>4688</v>
      </c>
      <c r="B4690" s="10" t="s">
        <v>2753</v>
      </c>
      <c r="C4690" s="12" t="s">
        <v>2724</v>
      </c>
    </row>
    <row r="4691" spans="1:3" ht="15.75">
      <c r="A4691" s="13">
        <v>4689</v>
      </c>
      <c r="B4691" s="10" t="s">
        <v>2754</v>
      </c>
      <c r="C4691" s="12" t="s">
        <v>2724</v>
      </c>
    </row>
    <row r="4692" spans="1:3" ht="15.75">
      <c r="A4692" s="13">
        <v>4690</v>
      </c>
      <c r="B4692" s="10" t="s">
        <v>1060</v>
      </c>
      <c r="C4692" s="12" t="s">
        <v>2724</v>
      </c>
    </row>
    <row r="4693" spans="1:3" ht="15.75">
      <c r="A4693" s="10">
        <v>4691</v>
      </c>
      <c r="B4693" s="10" t="s">
        <v>2755</v>
      </c>
      <c r="C4693" s="12" t="s">
        <v>2724</v>
      </c>
    </row>
    <row r="4694" spans="1:3" ht="15.75">
      <c r="A4694" s="13">
        <v>4692</v>
      </c>
      <c r="B4694" s="10" t="s">
        <v>2756</v>
      </c>
      <c r="C4694" s="12" t="s">
        <v>2724</v>
      </c>
    </row>
    <row r="4695" spans="1:3" ht="15.75">
      <c r="A4695" s="13">
        <v>4693</v>
      </c>
      <c r="B4695" s="10" t="s">
        <v>1993</v>
      </c>
      <c r="C4695" s="12" t="s">
        <v>2724</v>
      </c>
    </row>
    <row r="4696" spans="1:3" ht="15.75">
      <c r="A4696" s="13">
        <v>4694</v>
      </c>
      <c r="B4696" s="10" t="s">
        <v>1993</v>
      </c>
      <c r="C4696" s="12" t="s">
        <v>2724</v>
      </c>
    </row>
    <row r="4697" spans="1:3" ht="15.75">
      <c r="A4697" s="10">
        <v>4695</v>
      </c>
      <c r="B4697" s="10" t="s">
        <v>2757</v>
      </c>
      <c r="C4697" s="12" t="s">
        <v>2724</v>
      </c>
    </row>
    <row r="4698" spans="1:3" ht="15.75">
      <c r="A4698" s="13">
        <v>4696</v>
      </c>
      <c r="B4698" s="10" t="s">
        <v>2758</v>
      </c>
      <c r="C4698" s="12" t="s">
        <v>2724</v>
      </c>
    </row>
    <row r="4699" spans="1:3" ht="15.75">
      <c r="A4699" s="13">
        <v>4697</v>
      </c>
      <c r="B4699" s="10" t="s">
        <v>2759</v>
      </c>
      <c r="C4699" s="12" t="s">
        <v>2724</v>
      </c>
    </row>
    <row r="4700" spans="1:3" ht="15.75">
      <c r="A4700" s="13">
        <v>4698</v>
      </c>
      <c r="B4700" s="10" t="s">
        <v>2760</v>
      </c>
      <c r="C4700" s="12" t="s">
        <v>2724</v>
      </c>
    </row>
    <row r="4701" spans="1:3" ht="15.75">
      <c r="A4701" s="10">
        <v>4699</v>
      </c>
      <c r="B4701" s="10" t="s">
        <v>2761</v>
      </c>
      <c r="C4701" s="12" t="s">
        <v>2724</v>
      </c>
    </row>
    <row r="4702" spans="1:3" ht="15.75">
      <c r="A4702" s="13">
        <v>4700</v>
      </c>
      <c r="B4702" s="10" t="s">
        <v>2733</v>
      </c>
      <c r="C4702" s="12" t="s">
        <v>2724</v>
      </c>
    </row>
    <row r="4703" spans="1:3" ht="15.75">
      <c r="A4703" s="13">
        <v>4701</v>
      </c>
      <c r="B4703" s="10" t="s">
        <v>1687</v>
      </c>
      <c r="C4703" s="12" t="s">
        <v>2724</v>
      </c>
    </row>
    <row r="4704" spans="1:3" ht="15.75">
      <c r="A4704" s="13">
        <v>4702</v>
      </c>
      <c r="B4704" s="10" t="s">
        <v>2762</v>
      </c>
      <c r="C4704" s="12" t="s">
        <v>2724</v>
      </c>
    </row>
    <row r="4705" spans="1:3" ht="15.75">
      <c r="A4705" s="10">
        <v>4703</v>
      </c>
      <c r="B4705" s="10" t="s">
        <v>2763</v>
      </c>
      <c r="C4705" s="12" t="s">
        <v>2724</v>
      </c>
    </row>
    <row r="4706" spans="1:3" ht="15.75">
      <c r="A4706" s="13">
        <v>4704</v>
      </c>
      <c r="B4706" s="10" t="s">
        <v>1496</v>
      </c>
      <c r="C4706" s="12" t="s">
        <v>2724</v>
      </c>
    </row>
    <row r="4707" spans="1:3" ht="15.75">
      <c r="A4707" s="13">
        <v>4705</v>
      </c>
      <c r="B4707" s="10" t="s">
        <v>1835</v>
      </c>
      <c r="C4707" s="12" t="s">
        <v>2724</v>
      </c>
    </row>
    <row r="4708" spans="1:3" ht="15.75">
      <c r="A4708" s="13">
        <v>4706</v>
      </c>
      <c r="B4708" s="10" t="s">
        <v>2764</v>
      </c>
      <c r="C4708" s="12" t="s">
        <v>2724</v>
      </c>
    </row>
    <row r="4709" spans="1:3" ht="15.75">
      <c r="A4709" s="10">
        <v>4707</v>
      </c>
      <c r="B4709" s="10" t="s">
        <v>2765</v>
      </c>
      <c r="C4709" s="12" t="s">
        <v>2724</v>
      </c>
    </row>
    <row r="4710" spans="1:3" ht="15.75">
      <c r="A4710" s="13">
        <v>4708</v>
      </c>
      <c r="B4710" s="10" t="s">
        <v>2766</v>
      </c>
      <c r="C4710" s="12" t="s">
        <v>2724</v>
      </c>
    </row>
    <row r="4711" spans="1:3" ht="15.75">
      <c r="A4711" s="13">
        <v>4709</v>
      </c>
      <c r="B4711" s="10" t="s">
        <v>2767</v>
      </c>
      <c r="C4711" s="12" t="s">
        <v>2724</v>
      </c>
    </row>
    <row r="4712" spans="1:3" ht="15.75">
      <c r="A4712" s="13">
        <v>4710</v>
      </c>
      <c r="B4712" s="10" t="s">
        <v>2768</v>
      </c>
      <c r="C4712" s="12" t="s">
        <v>2724</v>
      </c>
    </row>
    <row r="4713" spans="1:3" ht="15.75">
      <c r="A4713" s="10">
        <v>4711</v>
      </c>
      <c r="B4713" s="10" t="s">
        <v>2769</v>
      </c>
      <c r="C4713" s="12" t="s">
        <v>2724</v>
      </c>
    </row>
    <row r="4714" spans="1:3" ht="15.75">
      <c r="A4714" s="13">
        <v>4712</v>
      </c>
      <c r="B4714" s="10" t="s">
        <v>2770</v>
      </c>
      <c r="C4714" s="12" t="s">
        <v>2724</v>
      </c>
    </row>
    <row r="4715" spans="1:3" ht="15.75">
      <c r="A4715" s="13">
        <v>4713</v>
      </c>
      <c r="B4715" s="10" t="s">
        <v>2771</v>
      </c>
      <c r="C4715" s="12" t="s">
        <v>2724</v>
      </c>
    </row>
    <row r="4716" spans="1:3" ht="15.75">
      <c r="A4716" s="13">
        <v>4714</v>
      </c>
      <c r="B4716" s="10" t="s">
        <v>2772</v>
      </c>
      <c r="C4716" s="12" t="s">
        <v>2724</v>
      </c>
    </row>
    <row r="4717" spans="1:3" ht="15.75">
      <c r="A4717" s="10">
        <v>4715</v>
      </c>
      <c r="B4717" s="10" t="s">
        <v>2773</v>
      </c>
      <c r="C4717" s="12" t="s">
        <v>2724</v>
      </c>
    </row>
    <row r="4718" spans="1:3" ht="15.75">
      <c r="A4718" s="13">
        <v>4716</v>
      </c>
      <c r="B4718" s="10" t="s">
        <v>2774</v>
      </c>
      <c r="C4718" s="12" t="s">
        <v>2724</v>
      </c>
    </row>
    <row r="4719" spans="1:3" ht="15.75">
      <c r="A4719" s="13">
        <v>4717</v>
      </c>
      <c r="B4719" s="15" t="s">
        <v>336</v>
      </c>
      <c r="C4719" s="12" t="s">
        <v>2724</v>
      </c>
    </row>
    <row r="4720" spans="1:3" ht="15.75">
      <c r="A4720" s="13">
        <v>4718</v>
      </c>
      <c r="B4720" s="10" t="s">
        <v>1439</v>
      </c>
      <c r="C4720" s="12" t="s">
        <v>2724</v>
      </c>
    </row>
    <row r="4721" spans="1:3" ht="15.75">
      <c r="A4721" s="10">
        <v>4719</v>
      </c>
      <c r="B4721" s="10" t="s">
        <v>2775</v>
      </c>
      <c r="C4721" s="12" t="s">
        <v>2724</v>
      </c>
    </row>
    <row r="4722" spans="1:3" ht="15.75">
      <c r="A4722" s="13">
        <v>4720</v>
      </c>
      <c r="B4722" s="17" t="s">
        <v>2776</v>
      </c>
      <c r="C4722" s="12" t="s">
        <v>2724</v>
      </c>
    </row>
    <row r="4723" spans="1:3" ht="15.75">
      <c r="A4723" s="13">
        <v>4721</v>
      </c>
      <c r="B4723" s="33" t="s">
        <v>2777</v>
      </c>
      <c r="C4723" s="12" t="s">
        <v>2724</v>
      </c>
    </row>
    <row r="4724" spans="1:3" ht="15.75">
      <c r="A4724" s="13">
        <v>4722</v>
      </c>
      <c r="B4724" s="17" t="s">
        <v>2778</v>
      </c>
      <c r="C4724" s="12" t="s">
        <v>2724</v>
      </c>
    </row>
    <row r="4725" spans="1:3" ht="31.5">
      <c r="A4725" s="10">
        <v>4723</v>
      </c>
      <c r="B4725" s="10" t="s">
        <v>2780</v>
      </c>
      <c r="C4725" s="12" t="s">
        <v>2724</v>
      </c>
    </row>
    <row r="4726" spans="1:3" ht="15.75">
      <c r="A4726" s="13">
        <v>4724</v>
      </c>
      <c r="B4726" s="10" t="s">
        <v>2781</v>
      </c>
      <c r="C4726" s="12" t="s">
        <v>2724</v>
      </c>
    </row>
    <row r="4727" spans="1:3" ht="15.75">
      <c r="A4727" s="13">
        <v>4725</v>
      </c>
      <c r="B4727" s="10" t="s">
        <v>2782</v>
      </c>
      <c r="C4727" s="12" t="s">
        <v>2724</v>
      </c>
    </row>
    <row r="4728" spans="1:3" ht="15.75">
      <c r="A4728" s="13">
        <v>4726</v>
      </c>
      <c r="B4728" s="10" t="s">
        <v>2783</v>
      </c>
      <c r="C4728" s="12" t="s">
        <v>2724</v>
      </c>
    </row>
    <row r="4729" spans="1:3" ht="15.75">
      <c r="A4729" s="10">
        <v>4727</v>
      </c>
      <c r="B4729" s="10" t="s">
        <v>2784</v>
      </c>
      <c r="C4729" s="12" t="s">
        <v>2724</v>
      </c>
    </row>
    <row r="4730" spans="1:3" ht="15.75">
      <c r="A4730" s="13">
        <v>4728</v>
      </c>
      <c r="B4730" s="10" t="s">
        <v>2785</v>
      </c>
      <c r="C4730" s="12" t="s">
        <v>2724</v>
      </c>
    </row>
    <row r="4731" spans="1:3" ht="15.75">
      <c r="A4731" s="13">
        <v>4729</v>
      </c>
      <c r="B4731" s="10" t="s">
        <v>2786</v>
      </c>
      <c r="C4731" s="12" t="s">
        <v>2724</v>
      </c>
    </row>
    <row r="4732" spans="1:3" ht="15.75">
      <c r="A4732" s="13">
        <v>4730</v>
      </c>
      <c r="B4732" s="10" t="s">
        <v>2787</v>
      </c>
      <c r="C4732" s="12" t="s">
        <v>2724</v>
      </c>
    </row>
    <row r="4733" spans="1:3" ht="15.75">
      <c r="A4733" s="10">
        <v>4731</v>
      </c>
      <c r="B4733" s="10" t="s">
        <v>1419</v>
      </c>
      <c r="C4733" s="12" t="s">
        <v>2724</v>
      </c>
    </row>
    <row r="4734" spans="1:3" ht="24">
      <c r="A4734" s="13">
        <v>4732</v>
      </c>
      <c r="B4734" s="10" t="s">
        <v>1936</v>
      </c>
      <c r="C4734" s="12" t="s">
        <v>2789</v>
      </c>
    </row>
    <row r="4735" spans="1:3" ht="24">
      <c r="A4735" s="13">
        <v>4733</v>
      </c>
      <c r="B4735" s="10" t="s">
        <v>2062</v>
      </c>
      <c r="C4735" s="12" t="s">
        <v>2789</v>
      </c>
    </row>
    <row r="4736" spans="1:3" ht="24">
      <c r="A4736" s="13">
        <v>4734</v>
      </c>
      <c r="B4736" s="10" t="s">
        <v>2314</v>
      </c>
      <c r="C4736" s="12" t="s">
        <v>2789</v>
      </c>
    </row>
    <row r="4737" spans="1:3" ht="24">
      <c r="A4737" s="10">
        <v>4735</v>
      </c>
      <c r="B4737" s="10" t="s">
        <v>2790</v>
      </c>
      <c r="C4737" s="12" t="s">
        <v>2789</v>
      </c>
    </row>
    <row r="4738" spans="1:3" ht="24">
      <c r="A4738" s="13">
        <v>4736</v>
      </c>
      <c r="B4738" s="10" t="s">
        <v>2164</v>
      </c>
      <c r="C4738" s="12" t="s">
        <v>2789</v>
      </c>
    </row>
    <row r="4739" spans="1:3" ht="24">
      <c r="A4739" s="13">
        <v>4737</v>
      </c>
      <c r="B4739" s="10" t="s">
        <v>2066</v>
      </c>
      <c r="C4739" s="12" t="s">
        <v>2789</v>
      </c>
    </row>
    <row r="4740" spans="1:3" ht="24">
      <c r="A4740" s="13">
        <v>4738</v>
      </c>
      <c r="B4740" s="10" t="s">
        <v>2585</v>
      </c>
      <c r="C4740" s="12" t="s">
        <v>2789</v>
      </c>
    </row>
    <row r="4741" spans="1:3" ht="24">
      <c r="A4741" s="10">
        <v>4739</v>
      </c>
      <c r="B4741" s="10" t="s">
        <v>2068</v>
      </c>
      <c r="C4741" s="12" t="s">
        <v>2789</v>
      </c>
    </row>
    <row r="4742" spans="1:3" ht="24">
      <c r="A4742" s="13">
        <v>4740</v>
      </c>
      <c r="B4742" s="10" t="s">
        <v>2069</v>
      </c>
      <c r="C4742" s="12" t="s">
        <v>2789</v>
      </c>
    </row>
    <row r="4743" spans="1:3" ht="24">
      <c r="A4743" s="13">
        <v>4741</v>
      </c>
      <c r="B4743" s="10" t="s">
        <v>2070</v>
      </c>
      <c r="C4743" s="12" t="s">
        <v>2789</v>
      </c>
    </row>
    <row r="4744" spans="1:3" ht="31.5">
      <c r="A4744" s="13">
        <v>4742</v>
      </c>
      <c r="B4744" s="10" t="s">
        <v>2071</v>
      </c>
      <c r="C4744" s="12" t="s">
        <v>2789</v>
      </c>
    </row>
    <row r="4745" spans="1:3" ht="24">
      <c r="A4745" s="10">
        <v>4743</v>
      </c>
      <c r="B4745" s="10" t="s">
        <v>2333</v>
      </c>
      <c r="C4745" s="12" t="s">
        <v>2789</v>
      </c>
    </row>
    <row r="4746" spans="1:3" ht="24">
      <c r="A4746" s="13">
        <v>4744</v>
      </c>
      <c r="B4746" s="10" t="s">
        <v>2333</v>
      </c>
      <c r="C4746" s="12" t="s">
        <v>2789</v>
      </c>
    </row>
    <row r="4747" spans="1:3" ht="24">
      <c r="A4747" s="13">
        <v>4745</v>
      </c>
      <c r="B4747" s="10" t="s">
        <v>2333</v>
      </c>
      <c r="C4747" s="12" t="s">
        <v>2789</v>
      </c>
    </row>
    <row r="4748" spans="1:3" ht="24">
      <c r="A4748" s="13">
        <v>4746</v>
      </c>
      <c r="B4748" s="10" t="s">
        <v>2333</v>
      </c>
      <c r="C4748" s="12" t="s">
        <v>2789</v>
      </c>
    </row>
    <row r="4749" spans="1:3" ht="24">
      <c r="A4749" s="10">
        <v>4747</v>
      </c>
      <c r="B4749" s="10" t="s">
        <v>2333</v>
      </c>
      <c r="C4749" s="12" t="s">
        <v>2789</v>
      </c>
    </row>
    <row r="4750" spans="1:3" ht="24">
      <c r="A4750" s="13">
        <v>4748</v>
      </c>
      <c r="B4750" s="10" t="s">
        <v>2333</v>
      </c>
      <c r="C4750" s="12" t="s">
        <v>2789</v>
      </c>
    </row>
    <row r="4751" spans="1:3" ht="24">
      <c r="A4751" s="13">
        <v>4749</v>
      </c>
      <c r="B4751" s="10" t="s">
        <v>2333</v>
      </c>
      <c r="C4751" s="12" t="s">
        <v>2789</v>
      </c>
    </row>
    <row r="4752" spans="1:3" ht="24">
      <c r="A4752" s="13">
        <v>4750</v>
      </c>
      <c r="B4752" s="10" t="s">
        <v>2334</v>
      </c>
      <c r="C4752" s="12" t="s">
        <v>2789</v>
      </c>
    </row>
    <row r="4753" spans="1:3" ht="24">
      <c r="A4753" s="10">
        <v>4751</v>
      </c>
      <c r="B4753" s="10" t="s">
        <v>1376</v>
      </c>
      <c r="C4753" s="12" t="s">
        <v>2789</v>
      </c>
    </row>
    <row r="4754" spans="1:3" ht="24">
      <c r="A4754" s="13">
        <v>4752</v>
      </c>
      <c r="B4754" s="10" t="s">
        <v>2791</v>
      </c>
      <c r="C4754" s="12" t="s">
        <v>2789</v>
      </c>
    </row>
    <row r="4755" spans="1:3" ht="24">
      <c r="A4755" s="13">
        <v>4753</v>
      </c>
      <c r="B4755" s="10" t="s">
        <v>2792</v>
      </c>
      <c r="C4755" s="12" t="s">
        <v>2789</v>
      </c>
    </row>
    <row r="4756" spans="1:3" ht="24">
      <c r="A4756" s="13">
        <v>4754</v>
      </c>
      <c r="B4756" s="10" t="s">
        <v>82</v>
      </c>
      <c r="C4756" s="12" t="s">
        <v>2789</v>
      </c>
    </row>
    <row r="4757" spans="1:3" ht="24">
      <c r="A4757" s="10">
        <v>4755</v>
      </c>
      <c r="B4757" s="10" t="s">
        <v>2793</v>
      </c>
      <c r="C4757" s="12" t="s">
        <v>2789</v>
      </c>
    </row>
    <row r="4758" spans="1:3" ht="24">
      <c r="A4758" s="13">
        <v>4756</v>
      </c>
      <c r="B4758" s="10" t="s">
        <v>2794</v>
      </c>
      <c r="C4758" s="12" t="s">
        <v>2789</v>
      </c>
    </row>
    <row r="4759" spans="1:3" ht="24">
      <c r="A4759" s="13">
        <v>4757</v>
      </c>
      <c r="B4759" s="10" t="s">
        <v>2795</v>
      </c>
      <c r="C4759" s="12" t="s">
        <v>2789</v>
      </c>
    </row>
    <row r="4760" spans="1:3" ht="24">
      <c r="A4760" s="13">
        <v>4758</v>
      </c>
      <c r="B4760" s="10" t="s">
        <v>2796</v>
      </c>
      <c r="C4760" s="12" t="s">
        <v>2789</v>
      </c>
    </row>
    <row r="4761" spans="1:3" ht="24">
      <c r="A4761" s="10">
        <v>4759</v>
      </c>
      <c r="B4761" s="10" t="s">
        <v>2797</v>
      </c>
      <c r="C4761" s="12" t="s">
        <v>2789</v>
      </c>
    </row>
    <row r="4762" spans="1:3" ht="24">
      <c r="A4762" s="13">
        <v>4760</v>
      </c>
      <c r="B4762" s="10" t="s">
        <v>2076</v>
      </c>
      <c r="C4762" s="12" t="s">
        <v>2789</v>
      </c>
    </row>
    <row r="4763" spans="1:3" ht="24">
      <c r="A4763" s="13">
        <v>4761</v>
      </c>
      <c r="B4763" s="10" t="s">
        <v>2076</v>
      </c>
      <c r="C4763" s="12" t="s">
        <v>2789</v>
      </c>
    </row>
    <row r="4764" spans="1:3" ht="24">
      <c r="A4764" s="13">
        <v>4762</v>
      </c>
      <c r="B4764" s="10" t="s">
        <v>2076</v>
      </c>
      <c r="C4764" s="12" t="s">
        <v>2789</v>
      </c>
    </row>
    <row r="4765" spans="1:3" ht="24">
      <c r="A4765" s="10">
        <v>4763</v>
      </c>
      <c r="B4765" s="10" t="s">
        <v>2798</v>
      </c>
      <c r="C4765" s="12" t="s">
        <v>2789</v>
      </c>
    </row>
    <row r="4766" spans="1:3" ht="24">
      <c r="A4766" s="13">
        <v>4764</v>
      </c>
      <c r="B4766" s="10" t="s">
        <v>2584</v>
      </c>
      <c r="C4766" s="12" t="s">
        <v>2789</v>
      </c>
    </row>
    <row r="4767" spans="1:3" ht="24">
      <c r="A4767" s="13">
        <v>4765</v>
      </c>
      <c r="B4767" s="10" t="s">
        <v>2799</v>
      </c>
      <c r="C4767" s="12" t="s">
        <v>2789</v>
      </c>
    </row>
    <row r="4768" spans="1:3" ht="24">
      <c r="A4768" s="13">
        <v>4766</v>
      </c>
      <c r="B4768" s="10" t="s">
        <v>2800</v>
      </c>
      <c r="C4768" s="12" t="s">
        <v>2789</v>
      </c>
    </row>
    <row r="4769" spans="1:3" ht="24">
      <c r="A4769" s="10">
        <v>4767</v>
      </c>
      <c r="B4769" s="10" t="s">
        <v>2735</v>
      </c>
      <c r="C4769" s="12" t="s">
        <v>2789</v>
      </c>
    </row>
    <row r="4770" spans="1:3" ht="24">
      <c r="A4770" s="13">
        <v>4768</v>
      </c>
      <c r="B4770" s="10" t="s">
        <v>2098</v>
      </c>
      <c r="C4770" s="12" t="s">
        <v>2789</v>
      </c>
    </row>
    <row r="4771" spans="1:3" ht="24">
      <c r="A4771" s="13">
        <v>4769</v>
      </c>
      <c r="B4771" s="10" t="s">
        <v>2801</v>
      </c>
      <c r="C4771" s="12" t="s">
        <v>2789</v>
      </c>
    </row>
    <row r="4772" spans="1:3" ht="24">
      <c r="A4772" s="13">
        <v>4770</v>
      </c>
      <c r="B4772" s="10" t="s">
        <v>2802</v>
      </c>
      <c r="C4772" s="12" t="s">
        <v>2789</v>
      </c>
    </row>
    <row r="4773" spans="1:3" ht="24">
      <c r="A4773" s="10">
        <v>4771</v>
      </c>
      <c r="B4773" s="10" t="s">
        <v>2803</v>
      </c>
      <c r="C4773" s="12" t="s">
        <v>2789</v>
      </c>
    </row>
    <row r="4774" spans="1:3" ht="24">
      <c r="A4774" s="13">
        <v>4772</v>
      </c>
      <c r="B4774" s="10" t="s">
        <v>2804</v>
      </c>
      <c r="C4774" s="12" t="s">
        <v>2789</v>
      </c>
    </row>
    <row r="4775" spans="1:3" ht="24">
      <c r="A4775" s="13">
        <v>4773</v>
      </c>
      <c r="B4775" s="10" t="s">
        <v>2805</v>
      </c>
      <c r="C4775" s="12" t="s">
        <v>2789</v>
      </c>
    </row>
    <row r="4776" spans="1:3" ht="24">
      <c r="A4776" s="13">
        <v>4774</v>
      </c>
      <c r="B4776" s="10" t="s">
        <v>2806</v>
      </c>
      <c r="C4776" s="12" t="s">
        <v>2789</v>
      </c>
    </row>
    <row r="4777" spans="1:3" ht="24">
      <c r="A4777" s="10">
        <v>4775</v>
      </c>
      <c r="B4777" s="10" t="s">
        <v>2807</v>
      </c>
      <c r="C4777" s="12" t="s">
        <v>2789</v>
      </c>
    </row>
    <row r="4778" spans="1:3" ht="24">
      <c r="A4778" s="13">
        <v>4776</v>
      </c>
      <c r="B4778" s="10" t="s">
        <v>2808</v>
      </c>
      <c r="C4778" s="12" t="s">
        <v>2789</v>
      </c>
    </row>
    <row r="4779" spans="1:3" ht="24">
      <c r="A4779" s="13">
        <v>4777</v>
      </c>
      <c r="B4779" s="10" t="s">
        <v>2808</v>
      </c>
      <c r="C4779" s="12" t="s">
        <v>2789</v>
      </c>
    </row>
    <row r="4780" spans="1:3" ht="24">
      <c r="A4780" s="13">
        <v>4778</v>
      </c>
      <c r="B4780" s="10" t="s">
        <v>2809</v>
      </c>
      <c r="C4780" s="12" t="s">
        <v>2789</v>
      </c>
    </row>
    <row r="4781" spans="1:3" ht="24">
      <c r="A4781" s="10">
        <v>4779</v>
      </c>
      <c r="B4781" s="10" t="s">
        <v>2810</v>
      </c>
      <c r="C4781" s="12" t="s">
        <v>2789</v>
      </c>
    </row>
    <row r="4782" spans="1:3" ht="24">
      <c r="A4782" s="13">
        <v>4780</v>
      </c>
      <c r="B4782" s="10" t="s">
        <v>2811</v>
      </c>
      <c r="C4782" s="12" t="s">
        <v>2789</v>
      </c>
    </row>
    <row r="4783" spans="1:3" ht="24">
      <c r="A4783" s="13">
        <v>4781</v>
      </c>
      <c r="B4783" s="10" t="s">
        <v>2812</v>
      </c>
      <c r="C4783" s="12" t="s">
        <v>2789</v>
      </c>
    </row>
    <row r="4784" spans="1:3" ht="24">
      <c r="A4784" s="13">
        <v>4782</v>
      </c>
      <c r="B4784" s="10" t="s">
        <v>2813</v>
      </c>
      <c r="C4784" s="12" t="s">
        <v>2789</v>
      </c>
    </row>
    <row r="4785" spans="1:3" ht="31.5">
      <c r="A4785" s="10">
        <v>4783</v>
      </c>
      <c r="B4785" s="10" t="s">
        <v>2814</v>
      </c>
      <c r="C4785" s="12" t="s">
        <v>2789</v>
      </c>
    </row>
    <row r="4786" spans="1:3" ht="24">
      <c r="A4786" s="13">
        <v>4784</v>
      </c>
      <c r="B4786" s="10" t="s">
        <v>2815</v>
      </c>
      <c r="C4786" s="12" t="s">
        <v>2789</v>
      </c>
    </row>
    <row r="4787" spans="1:3" ht="24">
      <c r="A4787" s="13">
        <v>4785</v>
      </c>
      <c r="B4787" s="10" t="s">
        <v>90</v>
      </c>
      <c r="C4787" s="12" t="s">
        <v>2789</v>
      </c>
    </row>
    <row r="4788" spans="1:3" ht="24">
      <c r="A4788" s="13">
        <v>4786</v>
      </c>
      <c r="B4788" s="10" t="s">
        <v>90</v>
      </c>
      <c r="C4788" s="12" t="s">
        <v>2789</v>
      </c>
    </row>
    <row r="4789" spans="1:3" ht="24">
      <c r="A4789" s="10">
        <v>4787</v>
      </c>
      <c r="B4789" s="10" t="s">
        <v>2816</v>
      </c>
      <c r="C4789" s="12" t="s">
        <v>2789</v>
      </c>
    </row>
    <row r="4790" spans="1:3" ht="24">
      <c r="A4790" s="13">
        <v>4788</v>
      </c>
      <c r="B4790" s="10" t="s">
        <v>2817</v>
      </c>
      <c r="C4790" s="12" t="s">
        <v>2789</v>
      </c>
    </row>
    <row r="4791" spans="1:3" ht="24">
      <c r="A4791" s="13">
        <v>4789</v>
      </c>
      <c r="B4791" s="10" t="s">
        <v>2818</v>
      </c>
      <c r="C4791" s="12" t="s">
        <v>2789</v>
      </c>
    </row>
    <row r="4792" spans="1:3" ht="24">
      <c r="A4792" s="13">
        <v>4790</v>
      </c>
      <c r="B4792" s="10" t="s">
        <v>1496</v>
      </c>
      <c r="C4792" s="12" t="s">
        <v>2789</v>
      </c>
    </row>
    <row r="4793" spans="1:3" ht="24">
      <c r="A4793" s="10">
        <v>4791</v>
      </c>
      <c r="B4793" s="10" t="s">
        <v>2819</v>
      </c>
      <c r="C4793" s="12" t="s">
        <v>2789</v>
      </c>
    </row>
    <row r="4794" spans="1:3" ht="24">
      <c r="A4794" s="13">
        <v>4792</v>
      </c>
      <c r="B4794" s="10" t="s">
        <v>2820</v>
      </c>
      <c r="C4794" s="12" t="s">
        <v>2789</v>
      </c>
    </row>
    <row r="4795" spans="1:3" ht="24">
      <c r="A4795" s="13">
        <v>4793</v>
      </c>
      <c r="B4795" s="10" t="s">
        <v>2821</v>
      </c>
      <c r="C4795" s="12" t="s">
        <v>2789</v>
      </c>
    </row>
    <row r="4796" spans="1:3" ht="24">
      <c r="A4796" s="13">
        <v>4794</v>
      </c>
      <c r="B4796" s="10" t="s">
        <v>2822</v>
      </c>
      <c r="C4796" s="12" t="s">
        <v>2789</v>
      </c>
    </row>
    <row r="4797" spans="1:3" ht="24">
      <c r="A4797" s="10">
        <v>4795</v>
      </c>
      <c r="B4797" s="10" t="s">
        <v>2823</v>
      </c>
      <c r="C4797" s="12" t="s">
        <v>2789</v>
      </c>
    </row>
    <row r="4798" spans="1:3" ht="24">
      <c r="A4798" s="13">
        <v>4796</v>
      </c>
      <c r="B4798" s="10" t="s">
        <v>2824</v>
      </c>
      <c r="C4798" s="12" t="s">
        <v>2789</v>
      </c>
    </row>
    <row r="4799" spans="1:3" ht="24">
      <c r="A4799" s="13">
        <v>4797</v>
      </c>
      <c r="B4799" s="10" t="s">
        <v>2825</v>
      </c>
      <c r="C4799" s="12" t="s">
        <v>2789</v>
      </c>
    </row>
    <row r="4800" spans="1:3" ht="24">
      <c r="A4800" s="13">
        <v>4798</v>
      </c>
      <c r="B4800" s="10" t="s">
        <v>2826</v>
      </c>
      <c r="C4800" s="12" t="s">
        <v>2789</v>
      </c>
    </row>
    <row r="4801" spans="1:3" ht="24">
      <c r="A4801" s="10">
        <v>4799</v>
      </c>
      <c r="B4801" s="10" t="s">
        <v>2107</v>
      </c>
      <c r="C4801" s="12" t="s">
        <v>2789</v>
      </c>
    </row>
    <row r="4802" spans="1:3" ht="24">
      <c r="A4802" s="13">
        <v>4800</v>
      </c>
      <c r="B4802" s="10" t="s">
        <v>2200</v>
      </c>
      <c r="C4802" s="12" t="s">
        <v>2789</v>
      </c>
    </row>
    <row r="4803" spans="1:3" ht="24">
      <c r="A4803" s="13">
        <v>4801</v>
      </c>
      <c r="B4803" s="10" t="s">
        <v>2827</v>
      </c>
      <c r="C4803" s="12" t="s">
        <v>2789</v>
      </c>
    </row>
    <row r="4804" spans="1:3" ht="24">
      <c r="A4804" s="13">
        <v>4802</v>
      </c>
      <c r="B4804" s="11" t="s">
        <v>2828</v>
      </c>
      <c r="C4804" s="12" t="s">
        <v>2789</v>
      </c>
    </row>
    <row r="4805" spans="1:3" ht="24">
      <c r="A4805" s="10">
        <v>4803</v>
      </c>
      <c r="B4805" s="11" t="s">
        <v>2829</v>
      </c>
      <c r="C4805" s="12" t="s">
        <v>2789</v>
      </c>
    </row>
    <row r="4806" spans="1:3" ht="31.5">
      <c r="A4806" s="13">
        <v>4804</v>
      </c>
      <c r="B4806" s="11" t="s">
        <v>2830</v>
      </c>
      <c r="C4806" s="12" t="s">
        <v>2789</v>
      </c>
    </row>
    <row r="4807" spans="1:3" ht="24">
      <c r="A4807" s="13">
        <v>4805</v>
      </c>
      <c r="B4807" s="20" t="s">
        <v>2831</v>
      </c>
      <c r="C4807" s="12" t="s">
        <v>2789</v>
      </c>
    </row>
    <row r="4808" spans="1:3" ht="24">
      <c r="A4808" s="13">
        <v>4806</v>
      </c>
      <c r="B4808" s="10" t="s">
        <v>402</v>
      </c>
      <c r="C4808" s="12" t="s">
        <v>2789</v>
      </c>
    </row>
    <row r="4809" spans="1:3" ht="24">
      <c r="A4809" s="10">
        <v>4807</v>
      </c>
      <c r="B4809" s="10" t="s">
        <v>402</v>
      </c>
      <c r="C4809" s="12" t="s">
        <v>2789</v>
      </c>
    </row>
    <row r="4810" spans="1:3" ht="24">
      <c r="A4810" s="13">
        <v>4808</v>
      </c>
      <c r="B4810" s="10" t="s">
        <v>402</v>
      </c>
      <c r="C4810" s="12" t="s">
        <v>2789</v>
      </c>
    </row>
    <row r="4811" spans="1:3" ht="24">
      <c r="A4811" s="13">
        <v>4809</v>
      </c>
      <c r="B4811" s="10" t="s">
        <v>402</v>
      </c>
      <c r="C4811" s="12" t="s">
        <v>2789</v>
      </c>
    </row>
    <row r="4812" spans="1:3" ht="24">
      <c r="A4812" s="13">
        <v>4810</v>
      </c>
      <c r="B4812" s="17" t="s">
        <v>2832</v>
      </c>
      <c r="C4812" s="12" t="s">
        <v>2789</v>
      </c>
    </row>
    <row r="4813" spans="1:3" ht="24">
      <c r="A4813" s="10">
        <v>4811</v>
      </c>
      <c r="B4813" s="17" t="s">
        <v>2833</v>
      </c>
      <c r="C4813" s="12" t="s">
        <v>2789</v>
      </c>
    </row>
    <row r="4814" spans="1:3" ht="24">
      <c r="A4814" s="13">
        <v>4812</v>
      </c>
      <c r="B4814" s="43" t="s">
        <v>402</v>
      </c>
      <c r="C4814" s="12" t="s">
        <v>2789</v>
      </c>
    </row>
    <row r="4815" spans="1:3" ht="24">
      <c r="A4815" s="13">
        <v>4813</v>
      </c>
      <c r="B4815" s="10" t="s">
        <v>2834</v>
      </c>
      <c r="C4815" s="12" t="s">
        <v>2789</v>
      </c>
    </row>
    <row r="4816" spans="1:3" ht="24">
      <c r="A4816" s="13">
        <v>4814</v>
      </c>
      <c r="B4816" s="10" t="s">
        <v>2835</v>
      </c>
      <c r="C4816" s="12" t="s">
        <v>2789</v>
      </c>
    </row>
    <row r="4817" spans="1:3" ht="24">
      <c r="A4817" s="10">
        <v>4815</v>
      </c>
      <c r="B4817" s="10" t="s">
        <v>2836</v>
      </c>
      <c r="C4817" s="12" t="s">
        <v>2789</v>
      </c>
    </row>
    <row r="4818" spans="1:3" ht="24">
      <c r="A4818" s="13">
        <v>4816</v>
      </c>
      <c r="B4818" s="16" t="s">
        <v>2837</v>
      </c>
      <c r="C4818" s="12" t="s">
        <v>2789</v>
      </c>
    </row>
    <row r="4819" spans="1:3" ht="24">
      <c r="A4819" s="13">
        <v>4817</v>
      </c>
      <c r="B4819" s="16" t="s">
        <v>2838</v>
      </c>
      <c r="C4819" s="12" t="s">
        <v>2789</v>
      </c>
    </row>
    <row r="4820" spans="1:3" ht="24">
      <c r="A4820" s="13">
        <v>4818</v>
      </c>
      <c r="B4820" s="10" t="s">
        <v>2839</v>
      </c>
      <c r="C4820" s="12" t="s">
        <v>2789</v>
      </c>
    </row>
    <row r="4821" spans="1:3" ht="31.5">
      <c r="A4821" s="10">
        <v>4819</v>
      </c>
      <c r="B4821" s="10" t="s">
        <v>2840</v>
      </c>
      <c r="C4821" s="12" t="s">
        <v>2789</v>
      </c>
    </row>
    <row r="4822" spans="1:3" ht="31.5">
      <c r="A4822" s="13">
        <v>4820</v>
      </c>
      <c r="B4822" s="10" t="s">
        <v>2841</v>
      </c>
      <c r="C4822" s="12" t="s">
        <v>2789</v>
      </c>
    </row>
    <row r="4823" spans="1:3" ht="24">
      <c r="A4823" s="13">
        <v>4821</v>
      </c>
      <c r="B4823" s="10" t="s">
        <v>2842</v>
      </c>
      <c r="C4823" s="12" t="s">
        <v>2789</v>
      </c>
    </row>
    <row r="4824" spans="1:3" ht="31.5">
      <c r="A4824" s="13">
        <v>4822</v>
      </c>
      <c r="B4824" s="10" t="s">
        <v>2843</v>
      </c>
      <c r="C4824" s="12" t="s">
        <v>2789</v>
      </c>
    </row>
    <row r="4825" spans="1:3" ht="31.5">
      <c r="A4825" s="10">
        <v>4823</v>
      </c>
      <c r="B4825" s="10" t="s">
        <v>2844</v>
      </c>
      <c r="C4825" s="12" t="s">
        <v>2789</v>
      </c>
    </row>
    <row r="4826" spans="1:3" ht="24">
      <c r="A4826" s="13">
        <v>4824</v>
      </c>
      <c r="B4826" s="10" t="s">
        <v>2845</v>
      </c>
      <c r="C4826" s="12" t="s">
        <v>2789</v>
      </c>
    </row>
    <row r="4827" spans="1:3" ht="31.5">
      <c r="A4827" s="13">
        <v>4825</v>
      </c>
      <c r="B4827" s="10" t="s">
        <v>2846</v>
      </c>
      <c r="C4827" s="12" t="s">
        <v>2789</v>
      </c>
    </row>
    <row r="4828" spans="1:3" ht="31.5">
      <c r="A4828" s="13">
        <v>4826</v>
      </c>
      <c r="B4828" s="10" t="s">
        <v>2847</v>
      </c>
      <c r="C4828" s="12" t="s">
        <v>2789</v>
      </c>
    </row>
    <row r="4829" spans="1:3" ht="24">
      <c r="A4829" s="10">
        <v>4827</v>
      </c>
      <c r="B4829" s="10" t="s">
        <v>2848</v>
      </c>
      <c r="C4829" s="12" t="s">
        <v>2789</v>
      </c>
    </row>
    <row r="4830" spans="1:3" ht="24">
      <c r="A4830" s="13">
        <v>4828</v>
      </c>
      <c r="B4830" s="10" t="s">
        <v>2849</v>
      </c>
      <c r="C4830" s="12" t="s">
        <v>2789</v>
      </c>
    </row>
    <row r="4831" spans="1:3" ht="24">
      <c r="A4831" s="13">
        <v>4829</v>
      </c>
      <c r="B4831" s="10" t="s">
        <v>2850</v>
      </c>
      <c r="C4831" s="12" t="s">
        <v>2789</v>
      </c>
    </row>
    <row r="4832" spans="1:3" ht="24">
      <c r="A4832" s="13">
        <v>4830</v>
      </c>
      <c r="B4832" s="10" t="s">
        <v>2851</v>
      </c>
      <c r="C4832" s="12" t="s">
        <v>2789</v>
      </c>
    </row>
    <row r="4833" spans="1:3" ht="24">
      <c r="A4833" s="10">
        <v>4831</v>
      </c>
      <c r="B4833" s="10" t="s">
        <v>2261</v>
      </c>
      <c r="C4833" s="12" t="s">
        <v>2789</v>
      </c>
    </row>
    <row r="4834" spans="1:3" ht="24">
      <c r="A4834" s="13">
        <v>4832</v>
      </c>
      <c r="B4834" s="10" t="s">
        <v>2852</v>
      </c>
      <c r="C4834" s="12" t="s">
        <v>2789</v>
      </c>
    </row>
    <row r="4835" spans="1:3" ht="24">
      <c r="A4835" s="13">
        <v>4833</v>
      </c>
      <c r="B4835" s="10" t="s">
        <v>2853</v>
      </c>
      <c r="C4835" s="12" t="s">
        <v>2789</v>
      </c>
    </row>
    <row r="4836" spans="1:3" ht="24">
      <c r="A4836" s="13">
        <v>4834</v>
      </c>
      <c r="B4836" s="10" t="s">
        <v>2854</v>
      </c>
      <c r="C4836" s="12" t="s">
        <v>2789</v>
      </c>
    </row>
    <row r="4837" spans="1:3" ht="24">
      <c r="A4837" s="10">
        <v>4835</v>
      </c>
      <c r="B4837" s="10" t="s">
        <v>2855</v>
      </c>
      <c r="C4837" s="12" t="s">
        <v>2789</v>
      </c>
    </row>
    <row r="4838" spans="1:3" ht="24">
      <c r="A4838" s="13">
        <v>4836</v>
      </c>
      <c r="B4838" s="10" t="s">
        <v>2856</v>
      </c>
      <c r="C4838" s="12" t="s">
        <v>2789</v>
      </c>
    </row>
    <row r="4839" spans="1:3" ht="31.5">
      <c r="A4839" s="13">
        <v>4837</v>
      </c>
      <c r="B4839" s="10" t="s">
        <v>2857</v>
      </c>
      <c r="C4839" s="12" t="s">
        <v>2789</v>
      </c>
    </row>
    <row r="4840" spans="1:3" ht="31.5">
      <c r="A4840" s="13">
        <v>4838</v>
      </c>
      <c r="B4840" s="10" t="s">
        <v>2858</v>
      </c>
      <c r="C4840" s="12" t="s">
        <v>2789</v>
      </c>
    </row>
    <row r="4841" spans="1:3" ht="24">
      <c r="A4841" s="10">
        <v>4839</v>
      </c>
      <c r="B4841" s="10" t="s">
        <v>2851</v>
      </c>
      <c r="C4841" s="12" t="s">
        <v>2789</v>
      </c>
    </row>
    <row r="4842" spans="1:3" ht="24">
      <c r="A4842" s="13">
        <v>4840</v>
      </c>
      <c r="B4842" s="10" t="s">
        <v>2555</v>
      </c>
      <c r="C4842" s="12" t="s">
        <v>2789</v>
      </c>
    </row>
    <row r="4843" spans="1:3" ht="24">
      <c r="A4843" s="13">
        <v>4841</v>
      </c>
      <c r="B4843" s="10" t="s">
        <v>2700</v>
      </c>
      <c r="C4843" s="12" t="s">
        <v>2789</v>
      </c>
    </row>
    <row r="4844" spans="1:3" ht="24">
      <c r="A4844" s="13">
        <v>4842</v>
      </c>
      <c r="B4844" s="10" t="s">
        <v>2859</v>
      </c>
      <c r="C4844" s="12" t="s">
        <v>2789</v>
      </c>
    </row>
    <row r="4845" spans="1:3" ht="24">
      <c r="A4845" s="10">
        <v>4843</v>
      </c>
      <c r="B4845" s="10" t="s">
        <v>2860</v>
      </c>
      <c r="C4845" s="12" t="s">
        <v>2789</v>
      </c>
    </row>
    <row r="4846" spans="1:3" ht="24">
      <c r="A4846" s="13">
        <v>4844</v>
      </c>
      <c r="B4846" s="10" t="s">
        <v>2861</v>
      </c>
      <c r="C4846" s="12" t="s">
        <v>2789</v>
      </c>
    </row>
    <row r="4847" spans="1:3" ht="24">
      <c r="A4847" s="13">
        <v>4845</v>
      </c>
      <c r="B4847" s="10" t="s">
        <v>2862</v>
      </c>
      <c r="C4847" s="12" t="s">
        <v>2789</v>
      </c>
    </row>
    <row r="4848" spans="1:3" ht="24">
      <c r="A4848" s="13">
        <v>4846</v>
      </c>
      <c r="B4848" s="10" t="s">
        <v>2788</v>
      </c>
      <c r="C4848" s="12" t="s">
        <v>2789</v>
      </c>
    </row>
    <row r="4849" spans="1:3" ht="24">
      <c r="A4849" s="10">
        <v>4847</v>
      </c>
      <c r="B4849" s="10" t="s">
        <v>2863</v>
      </c>
      <c r="C4849" s="12" t="s">
        <v>2789</v>
      </c>
    </row>
    <row r="4850" spans="1:3" ht="24">
      <c r="A4850" s="13">
        <v>4848</v>
      </c>
      <c r="B4850" s="10" t="s">
        <v>2864</v>
      </c>
      <c r="C4850" s="12" t="s">
        <v>2789</v>
      </c>
    </row>
    <row r="4851" spans="1:3" ht="24">
      <c r="A4851" s="13">
        <v>4849</v>
      </c>
      <c r="B4851" s="10" t="s">
        <v>2865</v>
      </c>
      <c r="C4851" s="12" t="s">
        <v>2789</v>
      </c>
    </row>
    <row r="4852" spans="1:3" ht="24">
      <c r="A4852" s="13">
        <v>4850</v>
      </c>
      <c r="B4852" s="10" t="s">
        <v>2866</v>
      </c>
      <c r="C4852" s="12" t="s">
        <v>2789</v>
      </c>
    </row>
    <row r="4853" spans="1:3" ht="24">
      <c r="A4853" s="10">
        <v>4851</v>
      </c>
      <c r="B4853" s="10" t="s">
        <v>2262</v>
      </c>
      <c r="C4853" s="12" t="s">
        <v>2789</v>
      </c>
    </row>
    <row r="4854" spans="1:3" ht="24">
      <c r="A4854" s="13">
        <v>4852</v>
      </c>
      <c r="B4854" s="10" t="s">
        <v>2867</v>
      </c>
      <c r="C4854" s="12" t="s">
        <v>2789</v>
      </c>
    </row>
    <row r="4855" spans="1:3" ht="24">
      <c r="A4855" s="13">
        <v>4853</v>
      </c>
      <c r="B4855" s="10" t="s">
        <v>2868</v>
      </c>
      <c r="C4855" s="12" t="s">
        <v>2789</v>
      </c>
    </row>
    <row r="4856" spans="1:3" ht="24">
      <c r="A4856" s="13">
        <v>4854</v>
      </c>
      <c r="B4856" s="10" t="s">
        <v>2869</v>
      </c>
      <c r="C4856" s="12" t="s">
        <v>2789</v>
      </c>
    </row>
    <row r="4857" spans="1:3" ht="31.5">
      <c r="A4857" s="10">
        <v>4855</v>
      </c>
      <c r="B4857" s="10" t="s">
        <v>2870</v>
      </c>
      <c r="C4857" s="12" t="s">
        <v>2789</v>
      </c>
    </row>
    <row r="4858" spans="1:3" ht="24">
      <c r="A4858" s="13">
        <v>4856</v>
      </c>
      <c r="B4858" s="10" t="s">
        <v>2871</v>
      </c>
      <c r="C4858" s="12" t="s">
        <v>2789</v>
      </c>
    </row>
    <row r="4859" spans="1:3" ht="24">
      <c r="A4859" s="13">
        <v>4857</v>
      </c>
      <c r="B4859" s="10" t="s">
        <v>2872</v>
      </c>
      <c r="C4859" s="12" t="s">
        <v>2789</v>
      </c>
    </row>
    <row r="4860" spans="1:3" ht="24">
      <c r="A4860" s="13">
        <v>4858</v>
      </c>
      <c r="B4860" s="10" t="s">
        <v>2873</v>
      </c>
      <c r="C4860" s="12" t="s">
        <v>2789</v>
      </c>
    </row>
    <row r="4861" spans="1:3" ht="24">
      <c r="A4861" s="10">
        <v>4859</v>
      </c>
      <c r="B4861" s="10" t="s">
        <v>2874</v>
      </c>
      <c r="C4861" s="12" t="s">
        <v>2789</v>
      </c>
    </row>
    <row r="4862" spans="1:3" ht="24">
      <c r="A4862" s="13">
        <v>4860</v>
      </c>
      <c r="B4862" s="10" t="s">
        <v>2875</v>
      </c>
      <c r="C4862" s="12" t="s">
        <v>2789</v>
      </c>
    </row>
    <row r="4863" spans="1:3" ht="24">
      <c r="A4863" s="13">
        <v>4861</v>
      </c>
      <c r="B4863" s="10" t="s">
        <v>2876</v>
      </c>
      <c r="C4863" s="12" t="s">
        <v>2789</v>
      </c>
    </row>
    <row r="4864" spans="1:3" ht="24">
      <c r="A4864" s="13">
        <v>4862</v>
      </c>
      <c r="B4864" s="10" t="s">
        <v>2877</v>
      </c>
      <c r="C4864" s="12" t="s">
        <v>2789</v>
      </c>
    </row>
    <row r="4865" spans="1:3" ht="24">
      <c r="A4865" s="10">
        <v>4863</v>
      </c>
      <c r="B4865" s="10" t="s">
        <v>2878</v>
      </c>
      <c r="C4865" s="12" t="s">
        <v>2789</v>
      </c>
    </row>
    <row r="4866" spans="1:3" ht="24">
      <c r="A4866" s="13">
        <v>4864</v>
      </c>
      <c r="B4866" s="10" t="s">
        <v>2879</v>
      </c>
      <c r="C4866" s="12" t="s">
        <v>2789</v>
      </c>
    </row>
    <row r="4867" spans="1:3" ht="24">
      <c r="A4867" s="13">
        <v>4865</v>
      </c>
      <c r="B4867" s="10" t="s">
        <v>2880</v>
      </c>
      <c r="C4867" s="12" t="s">
        <v>2789</v>
      </c>
    </row>
    <row r="4868" spans="1:3" ht="24">
      <c r="A4868" s="13">
        <v>4866</v>
      </c>
      <c r="B4868" s="10" t="s">
        <v>2881</v>
      </c>
      <c r="C4868" s="12" t="s">
        <v>2789</v>
      </c>
    </row>
    <row r="4869" spans="1:3" ht="24">
      <c r="A4869" s="10">
        <v>4867</v>
      </c>
      <c r="B4869" s="10" t="s">
        <v>2882</v>
      </c>
      <c r="C4869" s="12" t="s">
        <v>2789</v>
      </c>
    </row>
    <row r="4870" spans="1:3" ht="24">
      <c r="A4870" s="13">
        <v>4868</v>
      </c>
      <c r="B4870" s="10" t="s">
        <v>2883</v>
      </c>
      <c r="C4870" s="12" t="s">
        <v>2789</v>
      </c>
    </row>
    <row r="4871" spans="1:3" ht="24">
      <c r="A4871" s="13">
        <v>4869</v>
      </c>
      <c r="B4871" s="10" t="s">
        <v>1330</v>
      </c>
      <c r="C4871" s="12" t="s">
        <v>2789</v>
      </c>
    </row>
    <row r="4872" spans="1:3" ht="24">
      <c r="A4872" s="13">
        <v>4870</v>
      </c>
      <c r="B4872" s="11" t="s">
        <v>2884</v>
      </c>
      <c r="C4872" s="12" t="s">
        <v>2789</v>
      </c>
    </row>
    <row r="4873" spans="1:3" ht="24">
      <c r="A4873" s="10">
        <v>4871</v>
      </c>
      <c r="B4873" s="10" t="s">
        <v>1419</v>
      </c>
      <c r="C4873" s="12" t="s">
        <v>2789</v>
      </c>
    </row>
    <row r="4874" spans="1:3" ht="24">
      <c r="A4874" s="13">
        <v>4872</v>
      </c>
      <c r="B4874" s="10" t="s">
        <v>2885</v>
      </c>
      <c r="C4874" s="12" t="s">
        <v>2789</v>
      </c>
    </row>
    <row r="4875" spans="1:3" ht="24">
      <c r="A4875" s="13">
        <v>4873</v>
      </c>
      <c r="B4875" s="10" t="s">
        <v>2886</v>
      </c>
      <c r="C4875" s="12" t="s">
        <v>2789</v>
      </c>
    </row>
    <row r="4876" spans="1:3" ht="24">
      <c r="A4876" s="13">
        <v>4874</v>
      </c>
      <c r="B4876" s="10" t="s">
        <v>2887</v>
      </c>
      <c r="C4876" s="12" t="s">
        <v>2789</v>
      </c>
    </row>
    <row r="4877" spans="1:3" ht="24">
      <c r="A4877" s="10">
        <v>4875</v>
      </c>
      <c r="B4877" s="10" t="s">
        <v>2888</v>
      </c>
      <c r="C4877" s="12" t="s">
        <v>2789</v>
      </c>
    </row>
    <row r="4878" spans="1:3" ht="24">
      <c r="A4878" s="13">
        <v>4876</v>
      </c>
      <c r="B4878" s="10" t="s">
        <v>2889</v>
      </c>
      <c r="C4878" s="12" t="s">
        <v>2789</v>
      </c>
    </row>
    <row r="4879" spans="1:3" ht="24">
      <c r="A4879" s="13">
        <v>4877</v>
      </c>
      <c r="B4879" s="10" t="s">
        <v>2890</v>
      </c>
      <c r="C4879" s="12" t="s">
        <v>2789</v>
      </c>
    </row>
    <row r="4880" spans="1:3" ht="24">
      <c r="A4880" s="13">
        <v>4878</v>
      </c>
      <c r="B4880" s="10" t="s">
        <v>2891</v>
      </c>
      <c r="C4880" s="12" t="s">
        <v>2789</v>
      </c>
    </row>
    <row r="4881" spans="1:3" ht="24">
      <c r="A4881" s="10">
        <v>4879</v>
      </c>
      <c r="B4881" s="10" t="s">
        <v>2892</v>
      </c>
      <c r="C4881" s="12" t="s">
        <v>2893</v>
      </c>
    </row>
    <row r="4882" spans="1:3" ht="24">
      <c r="A4882" s="13">
        <v>4880</v>
      </c>
      <c r="B4882" s="10" t="s">
        <v>1536</v>
      </c>
      <c r="C4882" s="12" t="s">
        <v>2893</v>
      </c>
    </row>
    <row r="4883" spans="1:3" ht="24">
      <c r="A4883" s="13">
        <v>4881</v>
      </c>
      <c r="B4883" s="10" t="s">
        <v>2894</v>
      </c>
      <c r="C4883" s="12" t="s">
        <v>2893</v>
      </c>
    </row>
    <row r="4884" spans="1:3" ht="24">
      <c r="A4884" s="13">
        <v>4882</v>
      </c>
      <c r="B4884" s="10" t="s">
        <v>2894</v>
      </c>
      <c r="C4884" s="12" t="s">
        <v>2893</v>
      </c>
    </row>
    <row r="4885" spans="1:3" ht="24">
      <c r="A4885" s="10">
        <v>4883</v>
      </c>
      <c r="B4885" s="10" t="s">
        <v>2894</v>
      </c>
      <c r="C4885" s="12" t="s">
        <v>2893</v>
      </c>
    </row>
    <row r="4886" spans="1:3" ht="24">
      <c r="A4886" s="13">
        <v>4884</v>
      </c>
      <c r="B4886" s="10" t="s">
        <v>2894</v>
      </c>
      <c r="C4886" s="12" t="s">
        <v>2893</v>
      </c>
    </row>
    <row r="4887" spans="1:3" ht="24">
      <c r="A4887" s="13">
        <v>4885</v>
      </c>
      <c r="B4887" s="10" t="s">
        <v>2894</v>
      </c>
      <c r="C4887" s="12" t="s">
        <v>2893</v>
      </c>
    </row>
    <row r="4888" spans="1:3" ht="24">
      <c r="A4888" s="13">
        <v>4886</v>
      </c>
      <c r="B4888" s="10" t="s">
        <v>2894</v>
      </c>
      <c r="C4888" s="12" t="s">
        <v>2893</v>
      </c>
    </row>
    <row r="4889" spans="1:3" ht="24">
      <c r="A4889" s="10">
        <v>4887</v>
      </c>
      <c r="B4889" s="10" t="s">
        <v>2895</v>
      </c>
      <c r="C4889" s="12" t="s">
        <v>2893</v>
      </c>
    </row>
    <row r="4890" spans="1:3" ht="24">
      <c r="A4890" s="13">
        <v>4888</v>
      </c>
      <c r="B4890" s="10" t="s">
        <v>2895</v>
      </c>
      <c r="C4890" s="12" t="s">
        <v>2893</v>
      </c>
    </row>
    <row r="4891" spans="1:3" ht="24">
      <c r="A4891" s="13">
        <v>4889</v>
      </c>
      <c r="B4891" s="10" t="s">
        <v>2896</v>
      </c>
      <c r="C4891" s="12" t="s">
        <v>2893</v>
      </c>
    </row>
    <row r="4892" spans="1:3" ht="24">
      <c r="A4892" s="13">
        <v>4890</v>
      </c>
      <c r="B4892" s="10" t="s">
        <v>2897</v>
      </c>
      <c r="C4892" s="12" t="s">
        <v>2893</v>
      </c>
    </row>
    <row r="4893" spans="1:3" ht="24">
      <c r="A4893" s="10">
        <v>4891</v>
      </c>
      <c r="B4893" s="10" t="s">
        <v>2898</v>
      </c>
      <c r="C4893" s="12" t="s">
        <v>2893</v>
      </c>
    </row>
    <row r="4894" spans="1:3" ht="24">
      <c r="A4894" s="13">
        <v>4892</v>
      </c>
      <c r="B4894" s="10" t="s">
        <v>2899</v>
      </c>
      <c r="C4894" s="12" t="s">
        <v>2893</v>
      </c>
    </row>
    <row r="4895" spans="1:3" ht="24">
      <c r="A4895" s="13">
        <v>4893</v>
      </c>
      <c r="B4895" s="10" t="s">
        <v>2900</v>
      </c>
      <c r="C4895" s="12" t="s">
        <v>2893</v>
      </c>
    </row>
    <row r="4896" spans="1:3" ht="24">
      <c r="A4896" s="13">
        <v>4894</v>
      </c>
      <c r="B4896" s="10" t="s">
        <v>2901</v>
      </c>
      <c r="C4896" s="12" t="s">
        <v>2893</v>
      </c>
    </row>
    <row r="4897" spans="1:3" ht="24">
      <c r="A4897" s="10">
        <v>4895</v>
      </c>
      <c r="B4897" s="10" t="s">
        <v>2173</v>
      </c>
      <c r="C4897" s="12" t="s">
        <v>2893</v>
      </c>
    </row>
    <row r="4898" spans="1:3" ht="24">
      <c r="A4898" s="13">
        <v>4896</v>
      </c>
      <c r="B4898" s="10" t="s">
        <v>1496</v>
      </c>
      <c r="C4898" s="12" t="s">
        <v>2893</v>
      </c>
    </row>
    <row r="4899" spans="1:3" ht="24">
      <c r="A4899" s="13">
        <v>4897</v>
      </c>
      <c r="B4899" s="10" t="s">
        <v>2902</v>
      </c>
      <c r="C4899" s="12" t="s">
        <v>2893</v>
      </c>
    </row>
    <row r="4900" spans="1:3" ht="24">
      <c r="A4900" s="13">
        <v>4898</v>
      </c>
      <c r="B4900" s="10" t="s">
        <v>2903</v>
      </c>
      <c r="C4900" s="12" t="s">
        <v>2893</v>
      </c>
    </row>
    <row r="4901" spans="1:3" ht="24">
      <c r="A4901" s="10">
        <v>4899</v>
      </c>
      <c r="B4901" s="10" t="s">
        <v>1550</v>
      </c>
      <c r="C4901" s="12" t="s">
        <v>2893</v>
      </c>
    </row>
    <row r="4902" spans="1:3" ht="24">
      <c r="A4902" s="13">
        <v>4900</v>
      </c>
      <c r="B4902" s="10" t="s">
        <v>2096</v>
      </c>
      <c r="C4902" s="12" t="s">
        <v>2893</v>
      </c>
    </row>
    <row r="4903" spans="1:3" ht="24">
      <c r="A4903" s="13">
        <v>4901</v>
      </c>
      <c r="B4903" s="10" t="s">
        <v>2904</v>
      </c>
      <c r="C4903" s="12" t="s">
        <v>2893</v>
      </c>
    </row>
    <row r="4904" spans="1:3" ht="24">
      <c r="A4904" s="13">
        <v>4902</v>
      </c>
      <c r="B4904" s="10" t="s">
        <v>2905</v>
      </c>
      <c r="C4904" s="12" t="s">
        <v>2893</v>
      </c>
    </row>
    <row r="4905" spans="1:3" ht="24">
      <c r="A4905" s="10">
        <v>4903</v>
      </c>
      <c r="B4905" s="10" t="s">
        <v>2731</v>
      </c>
      <c r="C4905" s="12" t="s">
        <v>2893</v>
      </c>
    </row>
    <row r="4906" spans="1:3" ht="24">
      <c r="A4906" s="13">
        <v>4904</v>
      </c>
      <c r="B4906" s="10" t="s">
        <v>2906</v>
      </c>
      <c r="C4906" s="12" t="s">
        <v>2893</v>
      </c>
    </row>
    <row r="4907" spans="1:3" ht="24">
      <c r="A4907" s="13">
        <v>4905</v>
      </c>
      <c r="B4907" s="10" t="s">
        <v>2812</v>
      </c>
      <c r="C4907" s="12" t="s">
        <v>2893</v>
      </c>
    </row>
    <row r="4908" spans="1:3" ht="24">
      <c r="A4908" s="13">
        <v>4906</v>
      </c>
      <c r="B4908" s="10" t="s">
        <v>2907</v>
      </c>
      <c r="C4908" s="12" t="s">
        <v>2893</v>
      </c>
    </row>
    <row r="4909" spans="1:3" ht="24">
      <c r="A4909" s="10">
        <v>4907</v>
      </c>
      <c r="B4909" s="10" t="s">
        <v>2908</v>
      </c>
      <c r="C4909" s="12" t="s">
        <v>2893</v>
      </c>
    </row>
    <row r="4910" spans="1:3" ht="24">
      <c r="A4910" s="13">
        <v>4908</v>
      </c>
      <c r="B4910" s="10" t="s">
        <v>2909</v>
      </c>
      <c r="C4910" s="12" t="s">
        <v>2893</v>
      </c>
    </row>
    <row r="4911" spans="1:3" ht="24">
      <c r="A4911" s="13">
        <v>4909</v>
      </c>
      <c r="B4911" s="10" t="s">
        <v>2910</v>
      </c>
      <c r="C4911" s="12" t="s">
        <v>2893</v>
      </c>
    </row>
    <row r="4912" spans="1:3" ht="24">
      <c r="A4912" s="13">
        <v>4910</v>
      </c>
      <c r="B4912" s="10" t="s">
        <v>1556</v>
      </c>
      <c r="C4912" s="12" t="s">
        <v>2893</v>
      </c>
    </row>
    <row r="4913" spans="1:3" ht="24">
      <c r="A4913" s="10">
        <v>4911</v>
      </c>
      <c r="B4913" s="10" t="s">
        <v>2076</v>
      </c>
      <c r="C4913" s="12" t="s">
        <v>2893</v>
      </c>
    </row>
    <row r="4914" spans="1:3" ht="24">
      <c r="A4914" s="13">
        <v>4912</v>
      </c>
      <c r="B4914" s="10" t="s">
        <v>2076</v>
      </c>
      <c r="C4914" s="12" t="s">
        <v>2893</v>
      </c>
    </row>
    <row r="4915" spans="1:3" ht="24">
      <c r="A4915" s="13">
        <v>4913</v>
      </c>
      <c r="B4915" s="10" t="s">
        <v>2076</v>
      </c>
      <c r="C4915" s="12" t="s">
        <v>2893</v>
      </c>
    </row>
    <row r="4916" spans="1:3" ht="24">
      <c r="A4916" s="13">
        <v>4914</v>
      </c>
      <c r="B4916" s="10" t="s">
        <v>2076</v>
      </c>
      <c r="C4916" s="12" t="s">
        <v>2893</v>
      </c>
    </row>
    <row r="4917" spans="1:3" ht="24">
      <c r="A4917" s="10">
        <v>4915</v>
      </c>
      <c r="B4917" s="10" t="s">
        <v>2076</v>
      </c>
      <c r="C4917" s="12" t="s">
        <v>2893</v>
      </c>
    </row>
    <row r="4918" spans="1:3" ht="24">
      <c r="A4918" s="13">
        <v>4916</v>
      </c>
      <c r="B4918" s="10" t="s">
        <v>12</v>
      </c>
      <c r="C4918" s="12" t="s">
        <v>2893</v>
      </c>
    </row>
    <row r="4919" spans="1:3" ht="24">
      <c r="A4919" s="13">
        <v>4917</v>
      </c>
      <c r="B4919" s="10" t="s">
        <v>2911</v>
      </c>
      <c r="C4919" s="12" t="s">
        <v>2893</v>
      </c>
    </row>
    <row r="4920" spans="1:3" ht="24">
      <c r="A4920" s="13">
        <v>4918</v>
      </c>
      <c r="B4920" s="10" t="s">
        <v>1377</v>
      </c>
      <c r="C4920" s="12" t="s">
        <v>2893</v>
      </c>
    </row>
    <row r="4921" spans="1:3" ht="24">
      <c r="A4921" s="10">
        <v>4919</v>
      </c>
      <c r="B4921" s="10" t="s">
        <v>1377</v>
      </c>
      <c r="C4921" s="12" t="s">
        <v>2893</v>
      </c>
    </row>
    <row r="4922" spans="1:3" ht="24">
      <c r="A4922" s="13">
        <v>4920</v>
      </c>
      <c r="B4922" s="10" t="s">
        <v>2068</v>
      </c>
      <c r="C4922" s="12" t="s">
        <v>2893</v>
      </c>
    </row>
    <row r="4923" spans="1:3" ht="24">
      <c r="A4923" s="13">
        <v>4921</v>
      </c>
      <c r="B4923" s="10" t="s">
        <v>2164</v>
      </c>
      <c r="C4923" s="12" t="s">
        <v>2893</v>
      </c>
    </row>
    <row r="4924" spans="1:3" ht="24">
      <c r="A4924" s="13">
        <v>4922</v>
      </c>
      <c r="B4924" s="10" t="s">
        <v>2069</v>
      </c>
      <c r="C4924" s="12" t="s">
        <v>2893</v>
      </c>
    </row>
    <row r="4925" spans="1:3" ht="24">
      <c r="A4925" s="10">
        <v>4923</v>
      </c>
      <c r="B4925" s="10" t="s">
        <v>2070</v>
      </c>
      <c r="C4925" s="12" t="s">
        <v>2893</v>
      </c>
    </row>
    <row r="4926" spans="1:3" ht="24">
      <c r="A4926" s="13">
        <v>4924</v>
      </c>
      <c r="B4926" s="10" t="s">
        <v>2062</v>
      </c>
      <c r="C4926" s="12" t="s">
        <v>2893</v>
      </c>
    </row>
    <row r="4927" spans="1:3" ht="24">
      <c r="A4927" s="13">
        <v>4925</v>
      </c>
      <c r="B4927" s="10" t="s">
        <v>2585</v>
      </c>
      <c r="C4927" s="12" t="s">
        <v>2893</v>
      </c>
    </row>
    <row r="4928" spans="1:3" ht="24">
      <c r="A4928" s="13">
        <v>4926</v>
      </c>
      <c r="B4928" s="10" t="s">
        <v>2314</v>
      </c>
      <c r="C4928" s="12" t="s">
        <v>2893</v>
      </c>
    </row>
    <row r="4929" spans="1:3" ht="24">
      <c r="A4929" s="10">
        <v>4927</v>
      </c>
      <c r="B4929" s="10" t="s">
        <v>2161</v>
      </c>
      <c r="C4929" s="12" t="s">
        <v>2893</v>
      </c>
    </row>
    <row r="4930" spans="1:3" ht="24">
      <c r="A4930" s="13">
        <v>4928</v>
      </c>
      <c r="B4930" s="10" t="s">
        <v>2066</v>
      </c>
      <c r="C4930" s="12" t="s">
        <v>2893</v>
      </c>
    </row>
    <row r="4931" spans="1:3" ht="24">
      <c r="A4931" s="13">
        <v>4929</v>
      </c>
      <c r="B4931" s="10" t="s">
        <v>2912</v>
      </c>
      <c r="C4931" s="12" t="s">
        <v>2893</v>
      </c>
    </row>
    <row r="4932" spans="1:3" ht="24">
      <c r="A4932" s="13">
        <v>4930</v>
      </c>
      <c r="B4932" s="10" t="s">
        <v>2586</v>
      </c>
      <c r="C4932" s="12" t="s">
        <v>2893</v>
      </c>
    </row>
    <row r="4933" spans="1:3" ht="24">
      <c r="A4933" s="10">
        <v>4931</v>
      </c>
      <c r="B4933" s="10" t="s">
        <v>2913</v>
      </c>
      <c r="C4933" s="12" t="s">
        <v>2893</v>
      </c>
    </row>
    <row r="4934" spans="1:3" ht="24">
      <c r="A4934" s="13">
        <v>4932</v>
      </c>
      <c r="B4934" s="10" t="s">
        <v>2914</v>
      </c>
      <c r="C4934" s="12" t="s">
        <v>2893</v>
      </c>
    </row>
    <row r="4935" spans="1:3" ht="24">
      <c r="A4935" s="13">
        <v>4933</v>
      </c>
      <c r="B4935" s="10" t="s">
        <v>2915</v>
      </c>
      <c r="C4935" s="12" t="s">
        <v>2893</v>
      </c>
    </row>
    <row r="4936" spans="1:3" ht="24">
      <c r="A4936" s="13">
        <v>4934</v>
      </c>
      <c r="B4936" s="10" t="s">
        <v>2916</v>
      </c>
      <c r="C4936" s="12" t="s">
        <v>2893</v>
      </c>
    </row>
    <row r="4937" spans="1:3" ht="24">
      <c r="A4937" s="10">
        <v>4935</v>
      </c>
      <c r="B4937" s="10" t="s">
        <v>2917</v>
      </c>
      <c r="C4937" s="12" t="s">
        <v>2893</v>
      </c>
    </row>
    <row r="4938" spans="1:3" ht="24">
      <c r="A4938" s="13">
        <v>4936</v>
      </c>
      <c r="B4938" s="10" t="s">
        <v>2918</v>
      </c>
      <c r="C4938" s="12" t="s">
        <v>2893</v>
      </c>
    </row>
    <row r="4939" spans="1:3" ht="24">
      <c r="A4939" s="13">
        <v>4937</v>
      </c>
      <c r="B4939" s="10" t="s">
        <v>2919</v>
      </c>
      <c r="C4939" s="12" t="s">
        <v>2893</v>
      </c>
    </row>
    <row r="4940" spans="1:3" ht="24">
      <c r="A4940" s="13">
        <v>4938</v>
      </c>
      <c r="B4940" s="10" t="s">
        <v>1575</v>
      </c>
      <c r="C4940" s="12" t="s">
        <v>2893</v>
      </c>
    </row>
    <row r="4941" spans="1:3" ht="24">
      <c r="A4941" s="10">
        <v>4939</v>
      </c>
      <c r="B4941" s="10" t="s">
        <v>2920</v>
      </c>
      <c r="C4941" s="12" t="s">
        <v>2893</v>
      </c>
    </row>
    <row r="4942" spans="1:3" ht="24">
      <c r="A4942" s="13">
        <v>4940</v>
      </c>
      <c r="B4942" s="10" t="s">
        <v>2921</v>
      </c>
      <c r="C4942" s="12" t="s">
        <v>2893</v>
      </c>
    </row>
    <row r="4943" spans="1:3" ht="24">
      <c r="A4943" s="13">
        <v>4941</v>
      </c>
      <c r="B4943" s="10" t="s">
        <v>1365</v>
      </c>
      <c r="C4943" s="12" t="s">
        <v>2893</v>
      </c>
    </row>
    <row r="4944" spans="1:3" ht="24">
      <c r="A4944" s="13">
        <v>4942</v>
      </c>
      <c r="B4944" s="10" t="s">
        <v>2922</v>
      </c>
      <c r="C4944" s="12" t="s">
        <v>2893</v>
      </c>
    </row>
    <row r="4945" spans="1:3" ht="24">
      <c r="A4945" s="10">
        <v>4943</v>
      </c>
      <c r="B4945" s="10" t="s">
        <v>2923</v>
      </c>
      <c r="C4945" s="12" t="s">
        <v>2893</v>
      </c>
    </row>
    <row r="4946" spans="1:3" ht="24">
      <c r="A4946" s="13">
        <v>4944</v>
      </c>
      <c r="B4946" s="10" t="s">
        <v>2924</v>
      </c>
      <c r="C4946" s="12" t="s">
        <v>2893</v>
      </c>
    </row>
    <row r="4947" spans="1:3" ht="24">
      <c r="A4947" s="13">
        <v>4945</v>
      </c>
      <c r="B4947" s="10" t="s">
        <v>2072</v>
      </c>
      <c r="C4947" s="12" t="s">
        <v>2893</v>
      </c>
    </row>
    <row r="4948" spans="1:3" ht="24">
      <c r="A4948" s="13">
        <v>4946</v>
      </c>
      <c r="B4948" s="10" t="s">
        <v>2072</v>
      </c>
      <c r="C4948" s="12" t="s">
        <v>2893</v>
      </c>
    </row>
    <row r="4949" spans="1:3" ht="24">
      <c r="A4949" s="10">
        <v>4947</v>
      </c>
      <c r="B4949" s="10" t="s">
        <v>2072</v>
      </c>
      <c r="C4949" s="12" t="s">
        <v>2893</v>
      </c>
    </row>
    <row r="4950" spans="1:3" ht="24">
      <c r="A4950" s="13">
        <v>4948</v>
      </c>
      <c r="B4950" s="10" t="s">
        <v>2072</v>
      </c>
      <c r="C4950" s="12" t="s">
        <v>2893</v>
      </c>
    </row>
    <row r="4951" spans="1:3" ht="24">
      <c r="A4951" s="13">
        <v>4949</v>
      </c>
      <c r="B4951" s="10" t="s">
        <v>2072</v>
      </c>
      <c r="C4951" s="12" t="s">
        <v>2893</v>
      </c>
    </row>
    <row r="4952" spans="1:3" ht="24">
      <c r="A4952" s="13">
        <v>4950</v>
      </c>
      <c r="B4952" s="10" t="s">
        <v>2072</v>
      </c>
      <c r="C4952" s="12" t="s">
        <v>2893</v>
      </c>
    </row>
    <row r="4953" spans="1:3" ht="24">
      <c r="A4953" s="10">
        <v>4951</v>
      </c>
      <c r="B4953" s="10" t="s">
        <v>2072</v>
      </c>
      <c r="C4953" s="12" t="s">
        <v>2893</v>
      </c>
    </row>
    <row r="4954" spans="1:3" ht="24">
      <c r="A4954" s="13">
        <v>4952</v>
      </c>
      <c r="B4954" s="10" t="s">
        <v>2334</v>
      </c>
      <c r="C4954" s="12" t="s">
        <v>2893</v>
      </c>
    </row>
    <row r="4955" spans="1:3" ht="24">
      <c r="A4955" s="13">
        <v>4953</v>
      </c>
      <c r="B4955" s="10" t="s">
        <v>2925</v>
      </c>
      <c r="C4955" s="12" t="s">
        <v>2893</v>
      </c>
    </row>
    <row r="4956" spans="1:3" ht="24">
      <c r="A4956" s="13">
        <v>4954</v>
      </c>
      <c r="B4956" s="10" t="s">
        <v>1374</v>
      </c>
      <c r="C4956" s="12" t="s">
        <v>2893</v>
      </c>
    </row>
    <row r="4957" spans="1:3" ht="24">
      <c r="A4957" s="10">
        <v>4955</v>
      </c>
      <c r="B4957" s="10" t="s">
        <v>2926</v>
      </c>
      <c r="C4957" s="12" t="s">
        <v>2893</v>
      </c>
    </row>
    <row r="4958" spans="1:3" ht="24">
      <c r="A4958" s="13">
        <v>4956</v>
      </c>
      <c r="B4958" s="10" t="s">
        <v>2927</v>
      </c>
      <c r="C4958" s="12" t="s">
        <v>2893</v>
      </c>
    </row>
    <row r="4959" spans="1:3" ht="24">
      <c r="A4959" s="13">
        <v>4957</v>
      </c>
      <c r="B4959" s="10" t="s">
        <v>2928</v>
      </c>
      <c r="C4959" s="12" t="s">
        <v>2893</v>
      </c>
    </row>
    <row r="4960" spans="1:3" ht="24">
      <c r="A4960" s="13">
        <v>4958</v>
      </c>
      <c r="B4960" s="10" t="s">
        <v>2086</v>
      </c>
      <c r="C4960" s="12" t="s">
        <v>2893</v>
      </c>
    </row>
    <row r="4961" spans="1:3" ht="24">
      <c r="A4961" s="10">
        <v>4959</v>
      </c>
      <c r="B4961" s="10" t="s">
        <v>2929</v>
      </c>
      <c r="C4961" s="12" t="s">
        <v>2893</v>
      </c>
    </row>
    <row r="4962" spans="1:3" ht="24">
      <c r="A4962" s="13">
        <v>4960</v>
      </c>
      <c r="B4962" s="10" t="s">
        <v>2929</v>
      </c>
      <c r="C4962" s="12" t="s">
        <v>2893</v>
      </c>
    </row>
    <row r="4963" spans="1:3" ht="24">
      <c r="A4963" s="13">
        <v>4961</v>
      </c>
      <c r="B4963" s="10" t="s">
        <v>2805</v>
      </c>
      <c r="C4963" s="12" t="s">
        <v>2893</v>
      </c>
    </row>
    <row r="4964" spans="1:3" ht="24">
      <c r="A4964" s="13">
        <v>4962</v>
      </c>
      <c r="B4964" s="10" t="s">
        <v>1827</v>
      </c>
      <c r="C4964" s="12" t="s">
        <v>2893</v>
      </c>
    </row>
    <row r="4965" spans="1:3" ht="24">
      <c r="A4965" s="10">
        <v>4963</v>
      </c>
      <c r="B4965" s="10" t="s">
        <v>2930</v>
      </c>
      <c r="C4965" s="12" t="s">
        <v>2893</v>
      </c>
    </row>
    <row r="4966" spans="1:3" ht="31.5">
      <c r="A4966" s="13">
        <v>4964</v>
      </c>
      <c r="B4966" s="10" t="s">
        <v>2931</v>
      </c>
      <c r="C4966" s="12" t="s">
        <v>2893</v>
      </c>
    </row>
    <row r="4967" spans="1:3" ht="24">
      <c r="A4967" s="13">
        <v>4965</v>
      </c>
      <c r="B4967" s="10" t="s">
        <v>2932</v>
      </c>
      <c r="C4967" s="12" t="s">
        <v>2893</v>
      </c>
    </row>
    <row r="4968" spans="1:3" ht="24">
      <c r="A4968" s="13">
        <v>4966</v>
      </c>
      <c r="B4968" s="10" t="s">
        <v>2933</v>
      </c>
      <c r="C4968" s="12" t="s">
        <v>2893</v>
      </c>
    </row>
    <row r="4969" spans="1:3" ht="24">
      <c r="A4969" s="10">
        <v>4967</v>
      </c>
      <c r="B4969" s="10" t="s">
        <v>2934</v>
      </c>
      <c r="C4969" s="12" t="s">
        <v>2893</v>
      </c>
    </row>
    <row r="4970" spans="1:3" ht="24">
      <c r="A4970" s="13">
        <v>4968</v>
      </c>
      <c r="B4970" s="10" t="s">
        <v>2158</v>
      </c>
      <c r="C4970" s="12" t="s">
        <v>2893</v>
      </c>
    </row>
    <row r="4971" spans="1:3" ht="24">
      <c r="A4971" s="13">
        <v>4969</v>
      </c>
      <c r="B4971" s="24" t="s">
        <v>2935</v>
      </c>
      <c r="C4971" s="12" t="s">
        <v>2893</v>
      </c>
    </row>
    <row r="4972" spans="1:3" ht="24">
      <c r="A4972" s="13">
        <v>4970</v>
      </c>
      <c r="B4972" s="10" t="s">
        <v>2936</v>
      </c>
      <c r="C4972" s="12" t="s">
        <v>2893</v>
      </c>
    </row>
    <row r="4973" spans="1:3" ht="24">
      <c r="A4973" s="10">
        <v>4971</v>
      </c>
      <c r="B4973" s="15" t="s">
        <v>2937</v>
      </c>
      <c r="C4973" s="12" t="s">
        <v>2893</v>
      </c>
    </row>
    <row r="4974" spans="1:3" ht="24">
      <c r="A4974" s="13">
        <v>4972</v>
      </c>
      <c r="B4974" s="10" t="s">
        <v>2938</v>
      </c>
      <c r="C4974" s="12" t="s">
        <v>2893</v>
      </c>
    </row>
    <row r="4975" spans="1:3" ht="24">
      <c r="A4975" s="13">
        <v>4973</v>
      </c>
      <c r="B4975" s="10" t="s">
        <v>164</v>
      </c>
      <c r="C4975" s="12" t="s">
        <v>2893</v>
      </c>
    </row>
    <row r="4976" spans="1:3" ht="31.5">
      <c r="A4976" s="13">
        <v>4974</v>
      </c>
      <c r="B4976" s="10" t="s">
        <v>2939</v>
      </c>
      <c r="C4976" s="12" t="s">
        <v>2893</v>
      </c>
    </row>
    <row r="4977" spans="1:3" ht="24">
      <c r="A4977" s="10">
        <v>4975</v>
      </c>
      <c r="B4977" s="10" t="s">
        <v>2940</v>
      </c>
      <c r="C4977" s="12" t="s">
        <v>2893</v>
      </c>
    </row>
    <row r="4978" spans="1:3" ht="24">
      <c r="A4978" s="13">
        <v>4976</v>
      </c>
      <c r="B4978" s="16" t="s">
        <v>2941</v>
      </c>
      <c r="C4978" s="12" t="s">
        <v>2893</v>
      </c>
    </row>
    <row r="4979" spans="1:3" ht="24">
      <c r="A4979" s="13">
        <v>4977</v>
      </c>
      <c r="B4979" s="10" t="s">
        <v>1848</v>
      </c>
      <c r="C4979" s="12" t="s">
        <v>2893</v>
      </c>
    </row>
    <row r="4980" spans="1:3" ht="24">
      <c r="A4980" s="13">
        <v>4978</v>
      </c>
      <c r="B4980" s="10" t="s">
        <v>2942</v>
      </c>
      <c r="C4980" s="12" t="s">
        <v>2893</v>
      </c>
    </row>
    <row r="4981" spans="1:3" ht="24">
      <c r="A4981" s="10">
        <v>4979</v>
      </c>
      <c r="B4981" s="10" t="s">
        <v>2943</v>
      </c>
      <c r="C4981" s="12" t="s">
        <v>2893</v>
      </c>
    </row>
    <row r="4982" spans="1:3" ht="24">
      <c r="A4982" s="13">
        <v>4980</v>
      </c>
      <c r="B4982" s="10" t="s">
        <v>2944</v>
      </c>
      <c r="C4982" s="12" t="s">
        <v>2893</v>
      </c>
    </row>
    <row r="4983" spans="1:3" ht="24">
      <c r="A4983" s="13">
        <v>4981</v>
      </c>
      <c r="B4983" s="10" t="s">
        <v>2945</v>
      </c>
      <c r="C4983" s="12" t="s">
        <v>2893</v>
      </c>
    </row>
    <row r="4984" spans="1:3" ht="24">
      <c r="A4984" s="13">
        <v>4982</v>
      </c>
      <c r="B4984" s="10" t="s">
        <v>2945</v>
      </c>
      <c r="C4984" s="12" t="s">
        <v>2893</v>
      </c>
    </row>
    <row r="4985" spans="1:3" ht="24">
      <c r="A4985" s="10">
        <v>4983</v>
      </c>
      <c r="B4985" s="10" t="s">
        <v>2946</v>
      </c>
      <c r="C4985" s="12" t="s">
        <v>2893</v>
      </c>
    </row>
    <row r="4986" spans="1:3" ht="24">
      <c r="A4986" s="13">
        <v>4984</v>
      </c>
      <c r="B4986" s="10" t="s">
        <v>2947</v>
      </c>
      <c r="C4986" s="12" t="s">
        <v>2893</v>
      </c>
    </row>
    <row r="4987" spans="1:3" ht="24">
      <c r="A4987" s="13">
        <v>4985</v>
      </c>
      <c r="B4987" s="10" t="s">
        <v>2948</v>
      </c>
      <c r="C4987" s="12" t="s">
        <v>2893</v>
      </c>
    </row>
    <row r="4988" spans="1:3" ht="24">
      <c r="A4988" s="13">
        <v>4986</v>
      </c>
      <c r="B4988" s="10" t="s">
        <v>2949</v>
      </c>
      <c r="C4988" s="12" t="s">
        <v>2893</v>
      </c>
    </row>
    <row r="4989" spans="1:3" ht="24">
      <c r="A4989" s="10">
        <v>4987</v>
      </c>
      <c r="B4989" s="10" t="s">
        <v>2949</v>
      </c>
      <c r="C4989" s="12" t="s">
        <v>2893</v>
      </c>
    </row>
    <row r="4990" spans="1:3" ht="24">
      <c r="A4990" s="13">
        <v>4988</v>
      </c>
      <c r="B4990" s="10" t="s">
        <v>2950</v>
      </c>
      <c r="C4990" s="12" t="s">
        <v>2893</v>
      </c>
    </row>
    <row r="4991" spans="1:3" ht="24">
      <c r="A4991" s="13">
        <v>4989</v>
      </c>
      <c r="B4991" s="10" t="s">
        <v>2951</v>
      </c>
      <c r="C4991" s="12" t="s">
        <v>2893</v>
      </c>
    </row>
    <row r="4992" spans="1:3" ht="24">
      <c r="A4992" s="13">
        <v>4990</v>
      </c>
      <c r="B4992" s="10" t="s">
        <v>2952</v>
      </c>
      <c r="C4992" s="12" t="s">
        <v>2893</v>
      </c>
    </row>
    <row r="4993" spans="1:3" ht="24">
      <c r="A4993" s="10">
        <v>4991</v>
      </c>
      <c r="B4993" s="10" t="s">
        <v>2953</v>
      </c>
      <c r="C4993" s="12" t="s">
        <v>2893</v>
      </c>
    </row>
    <row r="4994" spans="1:3" ht="24">
      <c r="A4994" s="13">
        <v>4992</v>
      </c>
      <c r="B4994" s="10" t="s">
        <v>2954</v>
      </c>
      <c r="C4994" s="12" t="s">
        <v>2893</v>
      </c>
    </row>
    <row r="4995" spans="1:3" ht="24">
      <c r="A4995" s="13">
        <v>4993</v>
      </c>
      <c r="B4995" s="10" t="s">
        <v>2955</v>
      </c>
      <c r="C4995" s="12" t="s">
        <v>2893</v>
      </c>
    </row>
    <row r="4996" spans="1:3" ht="24">
      <c r="A4996" s="13">
        <v>4994</v>
      </c>
      <c r="B4996" s="10" t="s">
        <v>2632</v>
      </c>
      <c r="C4996" s="12" t="s">
        <v>2893</v>
      </c>
    </row>
    <row r="4997" spans="1:3" ht="24">
      <c r="A4997" s="10">
        <v>4995</v>
      </c>
      <c r="B4997" s="10" t="s">
        <v>1073</v>
      </c>
      <c r="C4997" s="12" t="s">
        <v>2893</v>
      </c>
    </row>
    <row r="4998" spans="1:3" ht="24">
      <c r="A4998" s="13">
        <v>4996</v>
      </c>
      <c r="B4998" s="10" t="s">
        <v>2956</v>
      </c>
      <c r="C4998" s="12" t="s">
        <v>2893</v>
      </c>
    </row>
    <row r="4999" spans="1:3" ht="31.5">
      <c r="A4999" s="13">
        <v>4997</v>
      </c>
      <c r="B4999" s="10" t="s">
        <v>2633</v>
      </c>
      <c r="C4999" s="12" t="s">
        <v>2893</v>
      </c>
    </row>
    <row r="5000" spans="1:3" ht="24">
      <c r="A5000" s="13">
        <v>4998</v>
      </c>
      <c r="B5000" s="10" t="s">
        <v>2957</v>
      </c>
      <c r="C5000" s="12" t="s">
        <v>2893</v>
      </c>
    </row>
    <row r="5001" spans="1:3" ht="24">
      <c r="A5001" s="10">
        <v>4999</v>
      </c>
      <c r="B5001" s="10" t="s">
        <v>2958</v>
      </c>
      <c r="C5001" s="12" t="s">
        <v>2893</v>
      </c>
    </row>
    <row r="5002" spans="1:3" ht="24">
      <c r="A5002" s="13">
        <v>5000</v>
      </c>
      <c r="B5002" s="10" t="s">
        <v>2959</v>
      </c>
      <c r="C5002" s="12" t="s">
        <v>2893</v>
      </c>
    </row>
    <row r="5003" spans="1:3" ht="24">
      <c r="A5003" s="13">
        <v>5001</v>
      </c>
      <c r="B5003" s="10" t="s">
        <v>2959</v>
      </c>
      <c r="C5003" s="12" t="s">
        <v>2893</v>
      </c>
    </row>
    <row r="5004" spans="1:3" ht="24">
      <c r="A5004" s="13">
        <v>5002</v>
      </c>
      <c r="B5004" s="10" t="s">
        <v>2960</v>
      </c>
      <c r="C5004" s="12" t="s">
        <v>2893</v>
      </c>
    </row>
    <row r="5005" spans="1:3" ht="24">
      <c r="A5005" s="10">
        <v>5003</v>
      </c>
      <c r="B5005" s="10" t="s">
        <v>2961</v>
      </c>
      <c r="C5005" s="12" t="s">
        <v>2893</v>
      </c>
    </row>
    <row r="5006" spans="1:3" ht="24">
      <c r="A5006" s="13">
        <v>5004</v>
      </c>
      <c r="B5006" s="10" t="s">
        <v>2645</v>
      </c>
      <c r="C5006" s="12" t="s">
        <v>2893</v>
      </c>
    </row>
    <row r="5007" spans="1:3" ht="24">
      <c r="A5007" s="13">
        <v>5005</v>
      </c>
      <c r="B5007" s="10" t="s">
        <v>2962</v>
      </c>
      <c r="C5007" s="12" t="s">
        <v>2893</v>
      </c>
    </row>
    <row r="5008" spans="1:3" ht="31.5">
      <c r="A5008" s="13">
        <v>5006</v>
      </c>
      <c r="B5008" s="10" t="s">
        <v>2963</v>
      </c>
      <c r="C5008" s="12" t="s">
        <v>2893</v>
      </c>
    </row>
    <row r="5009" spans="1:3" ht="24">
      <c r="A5009" s="10">
        <v>5007</v>
      </c>
      <c r="B5009" s="10" t="s">
        <v>2964</v>
      </c>
      <c r="C5009" s="12" t="s">
        <v>2893</v>
      </c>
    </row>
    <row r="5010" spans="1:3" ht="24">
      <c r="A5010" s="13">
        <v>5008</v>
      </c>
      <c r="B5010" s="10" t="s">
        <v>2965</v>
      </c>
      <c r="C5010" s="12" t="s">
        <v>2893</v>
      </c>
    </row>
    <row r="5011" spans="1:3" ht="31.5">
      <c r="A5011" s="13">
        <v>5009</v>
      </c>
      <c r="B5011" s="10" t="s">
        <v>2966</v>
      </c>
      <c r="C5011" s="12" t="s">
        <v>2893</v>
      </c>
    </row>
    <row r="5012" spans="1:3" ht="31.5">
      <c r="A5012" s="13">
        <v>5010</v>
      </c>
      <c r="B5012" s="10" t="s">
        <v>2966</v>
      </c>
      <c r="C5012" s="12" t="s">
        <v>2893</v>
      </c>
    </row>
    <row r="5013" spans="1:3" ht="24">
      <c r="A5013" s="10">
        <v>5011</v>
      </c>
      <c r="B5013" s="10" t="s">
        <v>2967</v>
      </c>
      <c r="C5013" s="12" t="s">
        <v>2893</v>
      </c>
    </row>
    <row r="5014" spans="1:3" ht="24">
      <c r="A5014" s="13">
        <v>5012</v>
      </c>
      <c r="B5014" s="10" t="s">
        <v>2968</v>
      </c>
      <c r="C5014" s="12" t="s">
        <v>2893</v>
      </c>
    </row>
    <row r="5015" spans="1:3" ht="24">
      <c r="A5015" s="13">
        <v>5013</v>
      </c>
      <c r="B5015" s="10" t="s">
        <v>2969</v>
      </c>
      <c r="C5015" s="12" t="s">
        <v>2893</v>
      </c>
    </row>
    <row r="5016" spans="1:3" ht="24">
      <c r="A5016" s="13">
        <v>5014</v>
      </c>
      <c r="B5016" s="10" t="s">
        <v>2970</v>
      </c>
      <c r="C5016" s="12" t="s">
        <v>2893</v>
      </c>
    </row>
    <row r="5017" spans="1:3" ht="24">
      <c r="A5017" s="10">
        <v>5015</v>
      </c>
      <c r="B5017" s="10" t="s">
        <v>2970</v>
      </c>
      <c r="C5017" s="12" t="s">
        <v>2893</v>
      </c>
    </row>
    <row r="5018" spans="1:3" ht="24">
      <c r="A5018" s="13">
        <v>5016</v>
      </c>
      <c r="B5018" s="10" t="s">
        <v>2971</v>
      </c>
      <c r="C5018" s="12" t="s">
        <v>2893</v>
      </c>
    </row>
    <row r="5019" spans="1:3" ht="24">
      <c r="A5019" s="13">
        <v>5017</v>
      </c>
      <c r="B5019" s="10" t="s">
        <v>2971</v>
      </c>
      <c r="C5019" s="12" t="s">
        <v>2893</v>
      </c>
    </row>
    <row r="5020" spans="1:3" ht="24">
      <c r="A5020" s="13">
        <v>5018</v>
      </c>
      <c r="B5020" s="10" t="s">
        <v>2972</v>
      </c>
      <c r="C5020" s="12" t="s">
        <v>2893</v>
      </c>
    </row>
    <row r="5021" spans="1:3" ht="24">
      <c r="A5021" s="10">
        <v>5019</v>
      </c>
      <c r="B5021" s="10" t="s">
        <v>2972</v>
      </c>
      <c r="C5021" s="12" t="s">
        <v>2893</v>
      </c>
    </row>
    <row r="5022" spans="1:3" ht="24">
      <c r="A5022" s="13">
        <v>5020</v>
      </c>
      <c r="B5022" s="10" t="s">
        <v>2972</v>
      </c>
      <c r="C5022" s="12" t="s">
        <v>2893</v>
      </c>
    </row>
    <row r="5023" spans="1:3" ht="24">
      <c r="A5023" s="13">
        <v>5021</v>
      </c>
      <c r="B5023" s="10" t="s">
        <v>2247</v>
      </c>
      <c r="C5023" s="12" t="s">
        <v>2893</v>
      </c>
    </row>
    <row r="5024" spans="1:3" ht="24">
      <c r="A5024" s="13">
        <v>5022</v>
      </c>
      <c r="B5024" s="10" t="s">
        <v>2973</v>
      </c>
      <c r="C5024" s="12" t="s">
        <v>2893</v>
      </c>
    </row>
    <row r="5025" spans="1:3" ht="24">
      <c r="A5025" s="10">
        <v>5023</v>
      </c>
      <c r="B5025" s="10" t="s">
        <v>2973</v>
      </c>
      <c r="C5025" s="12" t="s">
        <v>2893</v>
      </c>
    </row>
    <row r="5026" spans="1:3" ht="24">
      <c r="A5026" s="13">
        <v>5024</v>
      </c>
      <c r="B5026" s="10" t="s">
        <v>2973</v>
      </c>
      <c r="C5026" s="12" t="s">
        <v>2893</v>
      </c>
    </row>
    <row r="5027" spans="1:3" ht="24">
      <c r="A5027" s="13">
        <v>5025</v>
      </c>
      <c r="B5027" s="10" t="s">
        <v>2973</v>
      </c>
      <c r="C5027" s="12" t="s">
        <v>2893</v>
      </c>
    </row>
    <row r="5028" spans="1:3" ht="24">
      <c r="A5028" s="13">
        <v>5026</v>
      </c>
      <c r="B5028" s="10" t="s">
        <v>2973</v>
      </c>
      <c r="C5028" s="12" t="s">
        <v>2893</v>
      </c>
    </row>
    <row r="5029" spans="1:3" ht="24">
      <c r="A5029" s="10">
        <v>5027</v>
      </c>
      <c r="B5029" s="10" t="s">
        <v>2973</v>
      </c>
      <c r="C5029" s="12" t="s">
        <v>2893</v>
      </c>
    </row>
    <row r="5030" spans="1:3" ht="24">
      <c r="A5030" s="13">
        <v>5028</v>
      </c>
      <c r="B5030" s="10" t="s">
        <v>2974</v>
      </c>
      <c r="C5030" s="12" t="s">
        <v>2893</v>
      </c>
    </row>
    <row r="5031" spans="1:3" ht="24">
      <c r="A5031" s="13">
        <v>5029</v>
      </c>
      <c r="B5031" s="10" t="s">
        <v>2975</v>
      </c>
      <c r="C5031" s="12" t="s">
        <v>2893</v>
      </c>
    </row>
    <row r="5032" spans="1:3" ht="24">
      <c r="A5032" s="13">
        <v>5030</v>
      </c>
      <c r="B5032" s="10" t="s">
        <v>2976</v>
      </c>
      <c r="C5032" s="12" t="s">
        <v>2893</v>
      </c>
    </row>
    <row r="5033" spans="1:3" ht="24">
      <c r="A5033" s="10">
        <v>5031</v>
      </c>
      <c r="B5033" s="10" t="s">
        <v>2977</v>
      </c>
      <c r="C5033" s="12" t="s">
        <v>2893</v>
      </c>
    </row>
    <row r="5034" spans="1:3" ht="24">
      <c r="A5034" s="13">
        <v>5032</v>
      </c>
      <c r="B5034" s="10" t="s">
        <v>2977</v>
      </c>
      <c r="C5034" s="12" t="s">
        <v>2893</v>
      </c>
    </row>
    <row r="5035" spans="1:3" ht="24">
      <c r="A5035" s="13">
        <v>5033</v>
      </c>
      <c r="B5035" s="10" t="s">
        <v>2978</v>
      </c>
      <c r="C5035" s="12" t="s">
        <v>2893</v>
      </c>
    </row>
    <row r="5036" spans="1:3" ht="24">
      <c r="A5036" s="13">
        <v>5034</v>
      </c>
      <c r="B5036" s="10" t="s">
        <v>2979</v>
      </c>
      <c r="C5036" s="12" t="s">
        <v>2893</v>
      </c>
    </row>
    <row r="5037" spans="1:3" ht="24">
      <c r="A5037" s="10">
        <v>5035</v>
      </c>
      <c r="B5037" s="10" t="s">
        <v>2980</v>
      </c>
      <c r="C5037" s="12" t="s">
        <v>2893</v>
      </c>
    </row>
    <row r="5038" spans="1:3" ht="24">
      <c r="A5038" s="13">
        <v>5036</v>
      </c>
      <c r="B5038" s="10" t="s">
        <v>2981</v>
      </c>
      <c r="C5038" s="12" t="s">
        <v>2893</v>
      </c>
    </row>
    <row r="5039" spans="1:3" ht="24">
      <c r="A5039" s="13">
        <v>5037</v>
      </c>
      <c r="B5039" s="10" t="s">
        <v>2982</v>
      </c>
      <c r="C5039" s="12" t="s">
        <v>2893</v>
      </c>
    </row>
    <row r="5040" spans="1:3" ht="31.5">
      <c r="A5040" s="13">
        <v>5038</v>
      </c>
      <c r="B5040" s="10" t="s">
        <v>2983</v>
      </c>
      <c r="C5040" s="12" t="s">
        <v>2893</v>
      </c>
    </row>
    <row r="5041" spans="1:3" ht="24">
      <c r="A5041" s="10">
        <v>5039</v>
      </c>
      <c r="B5041" s="10" t="s">
        <v>2984</v>
      </c>
      <c r="C5041" s="12" t="s">
        <v>2893</v>
      </c>
    </row>
    <row r="5042" spans="1:3" ht="24">
      <c r="A5042" s="13">
        <v>5040</v>
      </c>
      <c r="B5042" s="10" t="s">
        <v>2985</v>
      </c>
      <c r="C5042" s="12" t="s">
        <v>2893</v>
      </c>
    </row>
    <row r="5043" spans="1:3" ht="24">
      <c r="A5043" s="13">
        <v>5041</v>
      </c>
      <c r="B5043" s="10" t="s">
        <v>2986</v>
      </c>
      <c r="C5043" s="12" t="s">
        <v>2893</v>
      </c>
    </row>
    <row r="5044" spans="1:3" ht="24">
      <c r="A5044" s="13">
        <v>5042</v>
      </c>
      <c r="B5044" s="10" t="s">
        <v>2987</v>
      </c>
      <c r="C5044" s="12" t="s">
        <v>2893</v>
      </c>
    </row>
    <row r="5045" spans="1:3" ht="24">
      <c r="A5045" s="10">
        <v>5043</v>
      </c>
      <c r="B5045" s="10" t="s">
        <v>1711</v>
      </c>
      <c r="C5045" s="12" t="s">
        <v>2893</v>
      </c>
    </row>
    <row r="5046" spans="1:3" ht="24">
      <c r="A5046" s="13">
        <v>5044</v>
      </c>
      <c r="B5046" s="10" t="s">
        <v>2988</v>
      </c>
      <c r="C5046" s="12" t="s">
        <v>2893</v>
      </c>
    </row>
    <row r="5047" spans="1:3" ht="24">
      <c r="A5047" s="13">
        <v>5045</v>
      </c>
      <c r="B5047" s="10" t="s">
        <v>2989</v>
      </c>
      <c r="C5047" s="12" t="s">
        <v>2893</v>
      </c>
    </row>
    <row r="5048" spans="1:3" ht="24">
      <c r="A5048" s="13">
        <v>5046</v>
      </c>
      <c r="B5048" s="10" t="s">
        <v>2990</v>
      </c>
      <c r="C5048" s="12" t="s">
        <v>2893</v>
      </c>
    </row>
    <row r="5049" spans="1:3" ht="24">
      <c r="A5049" s="10">
        <v>5047</v>
      </c>
      <c r="B5049" s="10" t="s">
        <v>2991</v>
      </c>
      <c r="C5049" s="12" t="s">
        <v>2893</v>
      </c>
    </row>
    <row r="5050" spans="1:3" ht="24">
      <c r="A5050" s="13">
        <v>5048</v>
      </c>
      <c r="B5050" s="10" t="s">
        <v>2992</v>
      </c>
      <c r="C5050" s="12" t="s">
        <v>2893</v>
      </c>
    </row>
    <row r="5051" spans="1:3" ht="24">
      <c r="A5051" s="13">
        <v>5049</v>
      </c>
      <c r="B5051" s="10" t="s">
        <v>2993</v>
      </c>
      <c r="C5051" s="12" t="s">
        <v>2893</v>
      </c>
    </row>
    <row r="5052" spans="1:3" ht="24">
      <c r="A5052" s="13">
        <v>5050</v>
      </c>
      <c r="B5052" s="10" t="s">
        <v>2993</v>
      </c>
      <c r="C5052" s="12" t="s">
        <v>2893</v>
      </c>
    </row>
    <row r="5053" spans="1:3" ht="24">
      <c r="A5053" s="10">
        <v>5051</v>
      </c>
      <c r="B5053" s="10" t="s">
        <v>2994</v>
      </c>
      <c r="C5053" s="12" t="s">
        <v>2893</v>
      </c>
    </row>
    <row r="5054" spans="1:3" ht="24">
      <c r="A5054" s="13">
        <v>5052</v>
      </c>
      <c r="B5054" s="10" t="s">
        <v>2995</v>
      </c>
      <c r="C5054" s="12" t="s">
        <v>2893</v>
      </c>
    </row>
    <row r="5055" spans="1:3" ht="24">
      <c r="A5055" s="13">
        <v>5053</v>
      </c>
      <c r="B5055" s="10" t="s">
        <v>2996</v>
      </c>
      <c r="C5055" s="12" t="s">
        <v>2893</v>
      </c>
    </row>
    <row r="5056" spans="1:3" ht="24">
      <c r="A5056" s="13">
        <v>5054</v>
      </c>
      <c r="B5056" s="10" t="s">
        <v>2996</v>
      </c>
      <c r="C5056" s="12" t="s">
        <v>2893</v>
      </c>
    </row>
    <row r="5057" spans="1:3" ht="24">
      <c r="A5057" s="10">
        <v>5055</v>
      </c>
      <c r="B5057" s="10" t="s">
        <v>2997</v>
      </c>
      <c r="C5057" s="12" t="s">
        <v>2893</v>
      </c>
    </row>
    <row r="5058" spans="1:3" ht="24">
      <c r="A5058" s="13">
        <v>5056</v>
      </c>
      <c r="B5058" s="10" t="s">
        <v>2998</v>
      </c>
      <c r="C5058" s="12" t="s">
        <v>2893</v>
      </c>
    </row>
    <row r="5059" spans="1:3" ht="24">
      <c r="A5059" s="13">
        <v>5057</v>
      </c>
      <c r="B5059" s="10" t="s">
        <v>2999</v>
      </c>
      <c r="C5059" s="12" t="s">
        <v>2893</v>
      </c>
    </row>
    <row r="5060" spans="1:3" ht="24">
      <c r="A5060" s="13">
        <v>5058</v>
      </c>
      <c r="B5060" s="20" t="s">
        <v>3000</v>
      </c>
      <c r="C5060" s="12" t="s">
        <v>2893</v>
      </c>
    </row>
    <row r="5061" spans="1:3" ht="24">
      <c r="A5061" s="10">
        <v>5059</v>
      </c>
      <c r="B5061" s="17" t="s">
        <v>3001</v>
      </c>
      <c r="C5061" s="12" t="s">
        <v>2893</v>
      </c>
    </row>
    <row r="5062" spans="1:3" ht="24">
      <c r="A5062" s="13">
        <v>5060</v>
      </c>
      <c r="B5062" s="17" t="s">
        <v>1190</v>
      </c>
      <c r="C5062" s="12" t="s">
        <v>2893</v>
      </c>
    </row>
    <row r="5063" spans="1:3" ht="24">
      <c r="A5063" s="13">
        <v>5061</v>
      </c>
      <c r="B5063" s="43" t="s">
        <v>402</v>
      </c>
      <c r="C5063" s="12" t="s">
        <v>2893</v>
      </c>
    </row>
    <row r="5064" spans="1:3" ht="24">
      <c r="A5064" s="13">
        <v>5062</v>
      </c>
      <c r="B5064" s="10" t="s">
        <v>3002</v>
      </c>
      <c r="C5064" s="12" t="s">
        <v>2893</v>
      </c>
    </row>
    <row r="5065" spans="1:3" ht="24">
      <c r="A5065" s="10">
        <v>5063</v>
      </c>
      <c r="B5065" s="10" t="s">
        <v>3003</v>
      </c>
      <c r="C5065" s="12" t="s">
        <v>2893</v>
      </c>
    </row>
    <row r="5066" spans="1:3" ht="24">
      <c r="A5066" s="13">
        <v>5064</v>
      </c>
      <c r="B5066" s="10" t="s">
        <v>3004</v>
      </c>
      <c r="C5066" s="12" t="s">
        <v>2893</v>
      </c>
    </row>
    <row r="5067" spans="1:3" ht="24">
      <c r="A5067" s="13">
        <v>5065</v>
      </c>
      <c r="B5067" s="10" t="s">
        <v>3005</v>
      </c>
      <c r="C5067" s="12" t="s">
        <v>2893</v>
      </c>
    </row>
    <row r="5068" spans="1:3" ht="24">
      <c r="A5068" s="13">
        <v>5066</v>
      </c>
      <c r="B5068" s="10" t="s">
        <v>3009</v>
      </c>
      <c r="C5068" s="12" t="s">
        <v>2893</v>
      </c>
    </row>
    <row r="5069" spans="1:3" ht="24">
      <c r="A5069" s="10">
        <v>5067</v>
      </c>
      <c r="B5069" s="10" t="s">
        <v>3010</v>
      </c>
      <c r="C5069" s="12" t="s">
        <v>2893</v>
      </c>
    </row>
    <row r="5070" spans="1:3" ht="24">
      <c r="A5070" s="13">
        <v>5068</v>
      </c>
      <c r="B5070" s="11" t="s">
        <v>3013</v>
      </c>
      <c r="C5070" s="12" t="s">
        <v>2893</v>
      </c>
    </row>
    <row r="5071" spans="1:3" ht="24">
      <c r="A5071" s="13">
        <v>5069</v>
      </c>
      <c r="B5071" s="10" t="s">
        <v>3006</v>
      </c>
      <c r="C5071" s="12" t="s">
        <v>2893</v>
      </c>
    </row>
    <row r="5072" spans="1:3" ht="24">
      <c r="A5072" s="13">
        <v>5070</v>
      </c>
      <c r="B5072" s="10" t="s">
        <v>1331</v>
      </c>
      <c r="C5072" s="12" t="s">
        <v>2893</v>
      </c>
    </row>
    <row r="5073" spans="1:3" ht="24">
      <c r="A5073" s="10">
        <v>5071</v>
      </c>
      <c r="B5073" s="10" t="s">
        <v>2548</v>
      </c>
      <c r="C5073" s="12" t="s">
        <v>2893</v>
      </c>
    </row>
    <row r="5074" spans="1:3" ht="24">
      <c r="A5074" s="13">
        <v>5072</v>
      </c>
      <c r="B5074" s="10" t="s">
        <v>1334</v>
      </c>
      <c r="C5074" s="12" t="s">
        <v>2893</v>
      </c>
    </row>
    <row r="5075" spans="1:3" ht="24">
      <c r="A5075" s="13">
        <v>5073</v>
      </c>
      <c r="B5075" s="10" t="s">
        <v>3014</v>
      </c>
      <c r="C5075" s="12" t="s">
        <v>2893</v>
      </c>
    </row>
    <row r="5076" spans="1:3" ht="24">
      <c r="A5076" s="13">
        <v>5074</v>
      </c>
      <c r="B5076" s="10" t="s">
        <v>3015</v>
      </c>
      <c r="C5076" s="12" t="s">
        <v>2893</v>
      </c>
    </row>
    <row r="5077" spans="1:3" ht="24">
      <c r="A5077" s="10">
        <v>5075</v>
      </c>
      <c r="B5077" s="10" t="s">
        <v>2257</v>
      </c>
      <c r="C5077" s="12" t="s">
        <v>2893</v>
      </c>
    </row>
    <row r="5078" spans="1:3" ht="24">
      <c r="A5078" s="13">
        <v>5076</v>
      </c>
      <c r="B5078" s="10" t="s">
        <v>2259</v>
      </c>
      <c r="C5078" s="12" t="s">
        <v>2893</v>
      </c>
    </row>
    <row r="5079" spans="1:3" ht="24">
      <c r="A5079" s="13">
        <v>5077</v>
      </c>
      <c r="B5079" s="15" t="s">
        <v>3016</v>
      </c>
      <c r="C5079" s="12" t="s">
        <v>2893</v>
      </c>
    </row>
    <row r="5080" spans="1:3" ht="24">
      <c r="A5080" s="13">
        <v>5078</v>
      </c>
      <c r="B5080" s="10" t="s">
        <v>2262</v>
      </c>
      <c r="C5080" s="12" t="s">
        <v>2893</v>
      </c>
    </row>
    <row r="5081" spans="1:3" ht="24">
      <c r="A5081" s="10">
        <v>5079</v>
      </c>
      <c r="B5081" s="10" t="s">
        <v>2839</v>
      </c>
      <c r="C5081" s="12" t="s">
        <v>2893</v>
      </c>
    </row>
    <row r="5082" spans="1:3" ht="24">
      <c r="A5082" s="13">
        <v>5080</v>
      </c>
      <c r="B5082" s="10" t="s">
        <v>2867</v>
      </c>
      <c r="C5082" s="12" t="s">
        <v>2893</v>
      </c>
    </row>
    <row r="5083" spans="1:3" ht="24">
      <c r="A5083" s="13">
        <v>5081</v>
      </c>
      <c r="B5083" s="10" t="s">
        <v>3017</v>
      </c>
      <c r="C5083" s="12" t="s">
        <v>2893</v>
      </c>
    </row>
    <row r="5084" spans="1:3" ht="24">
      <c r="A5084" s="13">
        <v>5082</v>
      </c>
      <c r="B5084" s="10" t="s">
        <v>3018</v>
      </c>
      <c r="C5084" s="12" t="s">
        <v>2893</v>
      </c>
    </row>
    <row r="5085" spans="1:3" ht="24">
      <c r="A5085" s="10">
        <v>5083</v>
      </c>
      <c r="B5085" s="10" t="s">
        <v>3012</v>
      </c>
      <c r="C5085" s="12" t="s">
        <v>2893</v>
      </c>
    </row>
    <row r="5086" spans="1:3" ht="24">
      <c r="A5086" s="13">
        <v>5084</v>
      </c>
      <c r="B5086" s="10" t="s">
        <v>3012</v>
      </c>
      <c r="C5086" s="12" t="s">
        <v>2893</v>
      </c>
    </row>
    <row r="5087" spans="1:3" ht="24">
      <c r="A5087" s="13">
        <v>5085</v>
      </c>
      <c r="B5087" s="10" t="s">
        <v>3019</v>
      </c>
      <c r="C5087" s="12" t="s">
        <v>2893</v>
      </c>
    </row>
    <row r="5088" spans="1:3" ht="24">
      <c r="A5088" s="13">
        <v>5086</v>
      </c>
      <c r="B5088" s="10" t="s">
        <v>3020</v>
      </c>
      <c r="C5088" s="12" t="s">
        <v>2893</v>
      </c>
    </row>
    <row r="5089" spans="1:3" ht="24">
      <c r="A5089" s="10">
        <v>5087</v>
      </c>
      <c r="B5089" s="10" t="s">
        <v>2864</v>
      </c>
      <c r="C5089" s="12" t="s">
        <v>2893</v>
      </c>
    </row>
    <row r="5090" spans="1:3" ht="24">
      <c r="A5090" s="13">
        <v>5088</v>
      </c>
      <c r="B5090" s="10" t="s">
        <v>3021</v>
      </c>
      <c r="C5090" s="12" t="s">
        <v>2893</v>
      </c>
    </row>
    <row r="5091" spans="1:3" ht="24">
      <c r="A5091" s="13">
        <v>5089</v>
      </c>
      <c r="B5091" s="15" t="s">
        <v>3020</v>
      </c>
      <c r="C5091" s="12" t="s">
        <v>2893</v>
      </c>
    </row>
    <row r="5092" spans="1:3" ht="24">
      <c r="A5092" s="13">
        <v>5090</v>
      </c>
      <c r="B5092" s="10" t="s">
        <v>3022</v>
      </c>
      <c r="C5092" s="12" t="s">
        <v>2893</v>
      </c>
    </row>
    <row r="5093" spans="1:3" ht="24">
      <c r="A5093" s="10">
        <v>5091</v>
      </c>
      <c r="B5093" s="10" t="s">
        <v>3023</v>
      </c>
      <c r="C5093" s="12" t="s">
        <v>2893</v>
      </c>
    </row>
    <row r="5094" spans="1:3" ht="24">
      <c r="A5094" s="13">
        <v>5092</v>
      </c>
      <c r="B5094" s="10" t="s">
        <v>3024</v>
      </c>
      <c r="C5094" s="12" t="s">
        <v>2893</v>
      </c>
    </row>
    <row r="5095" spans="1:3" ht="24">
      <c r="A5095" s="13">
        <v>5093</v>
      </c>
      <c r="B5095" s="10" t="s">
        <v>3025</v>
      </c>
      <c r="C5095" s="12" t="s">
        <v>3026</v>
      </c>
    </row>
    <row r="5096" spans="1:3" ht="24">
      <c r="A5096" s="13">
        <v>5094</v>
      </c>
      <c r="B5096" s="10" t="s">
        <v>3027</v>
      </c>
      <c r="C5096" s="12" t="s">
        <v>3026</v>
      </c>
    </row>
    <row r="5097" spans="1:3" ht="31.5">
      <c r="A5097" s="10">
        <v>5095</v>
      </c>
      <c r="B5097" s="10" t="s">
        <v>3028</v>
      </c>
      <c r="C5097" s="12" t="s">
        <v>3026</v>
      </c>
    </row>
    <row r="5098" spans="1:3" ht="24">
      <c r="A5098" s="13">
        <v>5096</v>
      </c>
      <c r="B5098" s="10" t="s">
        <v>3029</v>
      </c>
      <c r="C5098" s="12" t="s">
        <v>3026</v>
      </c>
    </row>
    <row r="5099" spans="1:3" ht="24">
      <c r="A5099" s="13">
        <v>5097</v>
      </c>
      <c r="B5099" s="10" t="s">
        <v>3029</v>
      </c>
      <c r="C5099" s="12" t="s">
        <v>3026</v>
      </c>
    </row>
    <row r="5100" spans="1:3" ht="24">
      <c r="A5100" s="13">
        <v>5098</v>
      </c>
      <c r="B5100" s="10" t="s">
        <v>3029</v>
      </c>
      <c r="C5100" s="12" t="s">
        <v>3026</v>
      </c>
    </row>
    <row r="5101" spans="1:3" ht="24">
      <c r="A5101" s="10">
        <v>5099</v>
      </c>
      <c r="B5101" s="10" t="s">
        <v>3030</v>
      </c>
      <c r="C5101" s="12" t="s">
        <v>3026</v>
      </c>
    </row>
    <row r="5102" spans="1:3" ht="24">
      <c r="A5102" s="13">
        <v>5100</v>
      </c>
      <c r="B5102" s="10" t="s">
        <v>2289</v>
      </c>
      <c r="C5102" s="12" t="s">
        <v>3026</v>
      </c>
    </row>
    <row r="5103" spans="1:3" ht="24">
      <c r="A5103" s="13">
        <v>5101</v>
      </c>
      <c r="B5103" s="10" t="s">
        <v>3031</v>
      </c>
      <c r="C5103" s="12" t="s">
        <v>3026</v>
      </c>
    </row>
    <row r="5104" spans="1:3" ht="24">
      <c r="A5104" s="13">
        <v>5102</v>
      </c>
      <c r="B5104" s="10" t="s">
        <v>3032</v>
      </c>
      <c r="C5104" s="12" t="s">
        <v>3026</v>
      </c>
    </row>
    <row r="5105" spans="1:3" ht="24">
      <c r="A5105" s="10">
        <v>5103</v>
      </c>
      <c r="B5105" s="10" t="s">
        <v>3033</v>
      </c>
      <c r="C5105" s="12" t="s">
        <v>3026</v>
      </c>
    </row>
    <row r="5106" spans="1:3" ht="24">
      <c r="A5106" s="13">
        <v>5104</v>
      </c>
      <c r="B5106" s="10" t="s">
        <v>3034</v>
      </c>
      <c r="C5106" s="12" t="s">
        <v>3026</v>
      </c>
    </row>
    <row r="5107" spans="1:3" ht="24">
      <c r="A5107" s="13">
        <v>5105</v>
      </c>
      <c r="B5107" s="10" t="s">
        <v>3035</v>
      </c>
      <c r="C5107" s="12" t="s">
        <v>3026</v>
      </c>
    </row>
    <row r="5108" spans="1:3" ht="24">
      <c r="A5108" s="13">
        <v>5106</v>
      </c>
      <c r="B5108" s="10" t="s">
        <v>3035</v>
      </c>
      <c r="C5108" s="12" t="s">
        <v>3026</v>
      </c>
    </row>
    <row r="5109" spans="1:3" ht="24">
      <c r="A5109" s="10">
        <v>5107</v>
      </c>
      <c r="B5109" s="10" t="s">
        <v>3035</v>
      </c>
      <c r="C5109" s="12" t="s">
        <v>3026</v>
      </c>
    </row>
    <row r="5110" spans="1:3" ht="24">
      <c r="A5110" s="13">
        <v>5108</v>
      </c>
      <c r="B5110" s="10" t="s">
        <v>2290</v>
      </c>
      <c r="C5110" s="12" t="s">
        <v>3026</v>
      </c>
    </row>
    <row r="5111" spans="1:3" ht="24">
      <c r="A5111" s="13">
        <v>5109</v>
      </c>
      <c r="B5111" s="10" t="s">
        <v>2290</v>
      </c>
      <c r="C5111" s="12" t="s">
        <v>3026</v>
      </c>
    </row>
    <row r="5112" spans="1:3" ht="24">
      <c r="A5112" s="13">
        <v>5110</v>
      </c>
      <c r="B5112" s="10" t="s">
        <v>2291</v>
      </c>
      <c r="C5112" s="12" t="s">
        <v>3026</v>
      </c>
    </row>
    <row r="5113" spans="1:3" ht="24">
      <c r="A5113" s="10">
        <v>5111</v>
      </c>
      <c r="B5113" s="10" t="s">
        <v>3036</v>
      </c>
      <c r="C5113" s="12" t="s">
        <v>3026</v>
      </c>
    </row>
    <row r="5114" spans="1:3" ht="24">
      <c r="A5114" s="13">
        <v>5112</v>
      </c>
      <c r="B5114" s="10" t="s">
        <v>3037</v>
      </c>
      <c r="C5114" s="12" t="s">
        <v>3026</v>
      </c>
    </row>
    <row r="5115" spans="1:3" ht="24">
      <c r="A5115" s="13">
        <v>5113</v>
      </c>
      <c r="B5115" s="10" t="s">
        <v>3038</v>
      </c>
      <c r="C5115" s="12" t="s">
        <v>3026</v>
      </c>
    </row>
    <row r="5116" spans="1:3" ht="24">
      <c r="A5116" s="13">
        <v>5114</v>
      </c>
      <c r="B5116" s="10" t="s">
        <v>1550</v>
      </c>
      <c r="C5116" s="12" t="s">
        <v>3026</v>
      </c>
    </row>
    <row r="5117" spans="1:3" ht="24">
      <c r="A5117" s="10">
        <v>5115</v>
      </c>
      <c r="B5117" s="10" t="s">
        <v>3039</v>
      </c>
      <c r="C5117" s="12" t="s">
        <v>3026</v>
      </c>
    </row>
    <row r="5118" spans="1:3" ht="24">
      <c r="A5118" s="13">
        <v>5116</v>
      </c>
      <c r="B5118" s="10" t="s">
        <v>2812</v>
      </c>
      <c r="C5118" s="12" t="s">
        <v>3026</v>
      </c>
    </row>
    <row r="5119" spans="1:3" ht="24">
      <c r="A5119" s="13">
        <v>5117</v>
      </c>
      <c r="B5119" s="10" t="s">
        <v>3040</v>
      </c>
      <c r="C5119" s="12" t="s">
        <v>3026</v>
      </c>
    </row>
    <row r="5120" spans="1:3" ht="24">
      <c r="A5120" s="13">
        <v>5118</v>
      </c>
      <c r="B5120" s="10" t="s">
        <v>3041</v>
      </c>
      <c r="C5120" s="12" t="s">
        <v>3026</v>
      </c>
    </row>
    <row r="5121" spans="1:3" ht="24">
      <c r="A5121" s="10">
        <v>5119</v>
      </c>
      <c r="B5121" s="10" t="s">
        <v>421</v>
      </c>
      <c r="C5121" s="12" t="s">
        <v>3026</v>
      </c>
    </row>
    <row r="5122" spans="1:3" ht="24">
      <c r="A5122" s="13">
        <v>5120</v>
      </c>
      <c r="B5122" s="10" t="s">
        <v>3042</v>
      </c>
      <c r="C5122" s="12" t="s">
        <v>3026</v>
      </c>
    </row>
    <row r="5123" spans="1:3" ht="24">
      <c r="A5123" s="13">
        <v>5121</v>
      </c>
      <c r="B5123" s="10" t="s">
        <v>1372</v>
      </c>
      <c r="C5123" s="12" t="s">
        <v>3026</v>
      </c>
    </row>
    <row r="5124" spans="1:3" ht="24">
      <c r="A5124" s="13">
        <v>5122</v>
      </c>
      <c r="B5124" s="10" t="s">
        <v>1372</v>
      </c>
      <c r="C5124" s="12" t="s">
        <v>3026</v>
      </c>
    </row>
    <row r="5125" spans="1:3" ht="24">
      <c r="A5125" s="10">
        <v>5123</v>
      </c>
      <c r="B5125" s="10" t="s">
        <v>1372</v>
      </c>
      <c r="C5125" s="12" t="s">
        <v>3026</v>
      </c>
    </row>
    <row r="5126" spans="1:3" ht="24">
      <c r="A5126" s="13">
        <v>5124</v>
      </c>
      <c r="B5126" s="10" t="s">
        <v>1372</v>
      </c>
      <c r="C5126" s="12" t="s">
        <v>3026</v>
      </c>
    </row>
    <row r="5127" spans="1:3" ht="24">
      <c r="A5127" s="13">
        <v>5125</v>
      </c>
      <c r="B5127" s="10" t="s">
        <v>3043</v>
      </c>
      <c r="C5127" s="12" t="s">
        <v>3026</v>
      </c>
    </row>
    <row r="5128" spans="1:3" ht="24">
      <c r="A5128" s="13">
        <v>5126</v>
      </c>
      <c r="B5128" s="10" t="s">
        <v>2076</v>
      </c>
      <c r="C5128" s="12" t="s">
        <v>3026</v>
      </c>
    </row>
    <row r="5129" spans="1:3" ht="24">
      <c r="A5129" s="10">
        <v>5127</v>
      </c>
      <c r="B5129" s="10" t="s">
        <v>2076</v>
      </c>
      <c r="C5129" s="12" t="s">
        <v>3026</v>
      </c>
    </row>
    <row r="5130" spans="1:3" ht="24">
      <c r="A5130" s="13">
        <v>5128</v>
      </c>
      <c r="B5130" s="10" t="s">
        <v>12</v>
      </c>
      <c r="C5130" s="12" t="s">
        <v>3026</v>
      </c>
    </row>
    <row r="5131" spans="1:3" ht="24">
      <c r="A5131" s="13">
        <v>5129</v>
      </c>
      <c r="B5131" s="10" t="s">
        <v>12</v>
      </c>
      <c r="C5131" s="12" t="s">
        <v>3026</v>
      </c>
    </row>
    <row r="5132" spans="1:3" ht="24">
      <c r="A5132" s="13">
        <v>5130</v>
      </c>
      <c r="B5132" s="10" t="s">
        <v>412</v>
      </c>
      <c r="C5132" s="12" t="s">
        <v>3026</v>
      </c>
    </row>
    <row r="5133" spans="1:3" ht="24">
      <c r="A5133" s="10">
        <v>5131</v>
      </c>
      <c r="B5133" s="10" t="s">
        <v>3044</v>
      </c>
      <c r="C5133" s="12" t="s">
        <v>3026</v>
      </c>
    </row>
    <row r="5134" spans="1:3" ht="24">
      <c r="A5134" s="13">
        <v>5132</v>
      </c>
      <c r="B5134" s="10" t="s">
        <v>2300</v>
      </c>
      <c r="C5134" s="12" t="s">
        <v>3026</v>
      </c>
    </row>
    <row r="5135" spans="1:3" ht="24">
      <c r="A5135" s="13">
        <v>5133</v>
      </c>
      <c r="B5135" s="10" t="s">
        <v>2300</v>
      </c>
      <c r="C5135" s="12" t="s">
        <v>3026</v>
      </c>
    </row>
    <row r="5136" spans="1:3" ht="24">
      <c r="A5136" s="13">
        <v>5134</v>
      </c>
      <c r="B5136" s="10" t="s">
        <v>3045</v>
      </c>
      <c r="C5136" s="12" t="s">
        <v>3026</v>
      </c>
    </row>
    <row r="5137" spans="1:3" ht="24">
      <c r="A5137" s="10">
        <v>5135</v>
      </c>
      <c r="B5137" s="10" t="s">
        <v>3046</v>
      </c>
      <c r="C5137" s="12" t="s">
        <v>3026</v>
      </c>
    </row>
    <row r="5138" spans="1:3" ht="24">
      <c r="A5138" s="13">
        <v>5136</v>
      </c>
      <c r="B5138" s="10" t="s">
        <v>3046</v>
      </c>
      <c r="C5138" s="12" t="s">
        <v>3026</v>
      </c>
    </row>
    <row r="5139" spans="1:3" ht="24">
      <c r="A5139" s="13">
        <v>5137</v>
      </c>
      <c r="B5139" s="10" t="s">
        <v>3047</v>
      </c>
      <c r="C5139" s="12" t="s">
        <v>3026</v>
      </c>
    </row>
    <row r="5140" spans="1:3" ht="24">
      <c r="A5140" s="13">
        <v>5138</v>
      </c>
      <c r="B5140" s="10" t="s">
        <v>3048</v>
      </c>
      <c r="C5140" s="12" t="s">
        <v>3026</v>
      </c>
    </row>
    <row r="5141" spans="1:3" ht="24">
      <c r="A5141" s="10">
        <v>5139</v>
      </c>
      <c r="B5141" s="10" t="s">
        <v>3048</v>
      </c>
      <c r="C5141" s="12" t="s">
        <v>3026</v>
      </c>
    </row>
    <row r="5142" spans="1:3" ht="24">
      <c r="A5142" s="13">
        <v>5140</v>
      </c>
      <c r="B5142" s="10" t="s">
        <v>3049</v>
      </c>
      <c r="C5142" s="12" t="s">
        <v>3026</v>
      </c>
    </row>
    <row r="5143" spans="1:3" ht="24">
      <c r="A5143" s="13">
        <v>5141</v>
      </c>
      <c r="B5143" s="10" t="s">
        <v>1565</v>
      </c>
      <c r="C5143" s="12" t="s">
        <v>3026</v>
      </c>
    </row>
    <row r="5144" spans="1:3" ht="24">
      <c r="A5144" s="13">
        <v>5142</v>
      </c>
      <c r="B5144" s="10" t="s">
        <v>2791</v>
      </c>
      <c r="C5144" s="12" t="s">
        <v>3026</v>
      </c>
    </row>
    <row r="5145" spans="1:3" ht="24">
      <c r="A5145" s="10">
        <v>5143</v>
      </c>
      <c r="B5145" s="10" t="s">
        <v>1377</v>
      </c>
      <c r="C5145" s="12" t="s">
        <v>3026</v>
      </c>
    </row>
    <row r="5146" spans="1:3" ht="24">
      <c r="A5146" s="13">
        <v>5144</v>
      </c>
      <c r="B5146" s="10" t="s">
        <v>3050</v>
      </c>
      <c r="C5146" s="12" t="s">
        <v>3026</v>
      </c>
    </row>
    <row r="5147" spans="1:3" ht="24">
      <c r="A5147" s="13">
        <v>5145</v>
      </c>
      <c r="B5147" s="10" t="s">
        <v>3050</v>
      </c>
      <c r="C5147" s="12" t="s">
        <v>3026</v>
      </c>
    </row>
    <row r="5148" spans="1:3" ht="24">
      <c r="A5148" s="13">
        <v>5146</v>
      </c>
      <c r="B5148" s="10" t="s">
        <v>3050</v>
      </c>
      <c r="C5148" s="12" t="s">
        <v>3026</v>
      </c>
    </row>
    <row r="5149" spans="1:3" ht="24">
      <c r="A5149" s="10">
        <v>5147</v>
      </c>
      <c r="B5149" s="10" t="s">
        <v>3051</v>
      </c>
      <c r="C5149" s="12" t="s">
        <v>3026</v>
      </c>
    </row>
    <row r="5150" spans="1:3" ht="24">
      <c r="A5150" s="13">
        <v>5148</v>
      </c>
      <c r="B5150" s="10" t="s">
        <v>3052</v>
      </c>
      <c r="C5150" s="12" t="s">
        <v>3026</v>
      </c>
    </row>
    <row r="5151" spans="1:3" ht="24">
      <c r="A5151" s="13">
        <v>5149</v>
      </c>
      <c r="B5151" s="10" t="s">
        <v>3053</v>
      </c>
      <c r="C5151" s="12" t="s">
        <v>3026</v>
      </c>
    </row>
    <row r="5152" spans="1:3" ht="24">
      <c r="A5152" s="13">
        <v>5150</v>
      </c>
      <c r="B5152" s="10" t="s">
        <v>3054</v>
      </c>
      <c r="C5152" s="12" t="s">
        <v>3026</v>
      </c>
    </row>
    <row r="5153" spans="1:3" ht="24">
      <c r="A5153" s="10">
        <v>5151</v>
      </c>
      <c r="B5153" s="10" t="s">
        <v>2419</v>
      </c>
      <c r="C5153" s="12" t="s">
        <v>3026</v>
      </c>
    </row>
    <row r="5154" spans="1:3" ht="24">
      <c r="A5154" s="13">
        <v>5152</v>
      </c>
      <c r="B5154" s="10" t="s">
        <v>2068</v>
      </c>
      <c r="C5154" s="12" t="s">
        <v>3026</v>
      </c>
    </row>
    <row r="5155" spans="1:3" ht="24">
      <c r="A5155" s="13">
        <v>5153</v>
      </c>
      <c r="B5155" s="10" t="s">
        <v>2065</v>
      </c>
      <c r="C5155" s="12" t="s">
        <v>3026</v>
      </c>
    </row>
    <row r="5156" spans="1:3" ht="24">
      <c r="A5156" s="13">
        <v>5154</v>
      </c>
      <c r="B5156" s="10" t="s">
        <v>2069</v>
      </c>
      <c r="C5156" s="12" t="s">
        <v>3026</v>
      </c>
    </row>
    <row r="5157" spans="1:3" ht="24">
      <c r="A5157" s="10">
        <v>5155</v>
      </c>
      <c r="B5157" s="10" t="s">
        <v>2070</v>
      </c>
      <c r="C5157" s="12" t="s">
        <v>3026</v>
      </c>
    </row>
    <row r="5158" spans="1:3" ht="24">
      <c r="A5158" s="13">
        <v>5156</v>
      </c>
      <c r="B5158" s="10" t="s">
        <v>2062</v>
      </c>
      <c r="C5158" s="12" t="s">
        <v>3026</v>
      </c>
    </row>
    <row r="5159" spans="1:3" ht="24">
      <c r="A5159" s="13">
        <v>5157</v>
      </c>
      <c r="B5159" s="10" t="s">
        <v>2150</v>
      </c>
      <c r="C5159" s="12" t="s">
        <v>3026</v>
      </c>
    </row>
    <row r="5160" spans="1:3" ht="24">
      <c r="A5160" s="13">
        <v>5158</v>
      </c>
      <c r="B5160" s="10" t="s">
        <v>2313</v>
      </c>
      <c r="C5160" s="12" t="s">
        <v>3026</v>
      </c>
    </row>
    <row r="5161" spans="1:3" ht="24">
      <c r="A5161" s="10">
        <v>5159</v>
      </c>
      <c r="B5161" s="10" t="s">
        <v>2314</v>
      </c>
      <c r="C5161" s="12" t="s">
        <v>3026</v>
      </c>
    </row>
    <row r="5162" spans="1:3" ht="24">
      <c r="A5162" s="13">
        <v>5160</v>
      </c>
      <c r="B5162" s="10" t="s">
        <v>2161</v>
      </c>
      <c r="C5162" s="12" t="s">
        <v>3026</v>
      </c>
    </row>
    <row r="5163" spans="1:3" ht="31.5">
      <c r="A5163" s="13">
        <v>5161</v>
      </c>
      <c r="B5163" s="10" t="s">
        <v>2162</v>
      </c>
      <c r="C5163" s="12" t="s">
        <v>3026</v>
      </c>
    </row>
    <row r="5164" spans="1:3" ht="24">
      <c r="A5164" s="13">
        <v>5162</v>
      </c>
      <c r="B5164" s="10" t="s">
        <v>807</v>
      </c>
      <c r="C5164" s="12" t="s">
        <v>3026</v>
      </c>
    </row>
    <row r="5165" spans="1:3" ht="24">
      <c r="A5165" s="10">
        <v>5163</v>
      </c>
      <c r="B5165" s="10" t="s">
        <v>3055</v>
      </c>
      <c r="C5165" s="12" t="s">
        <v>3026</v>
      </c>
    </row>
    <row r="5166" spans="1:3" ht="24">
      <c r="A5166" s="13">
        <v>5164</v>
      </c>
      <c r="B5166" s="10" t="s">
        <v>2293</v>
      </c>
      <c r="C5166" s="12" t="s">
        <v>3026</v>
      </c>
    </row>
    <row r="5167" spans="1:3" ht="24">
      <c r="A5167" s="13">
        <v>5165</v>
      </c>
      <c r="B5167" s="10" t="s">
        <v>3056</v>
      </c>
      <c r="C5167" s="12" t="s">
        <v>3026</v>
      </c>
    </row>
    <row r="5168" spans="1:3" ht="24">
      <c r="A5168" s="13">
        <v>5166</v>
      </c>
      <c r="B5168" s="10" t="s">
        <v>2734</v>
      </c>
      <c r="C5168" s="12" t="s">
        <v>3026</v>
      </c>
    </row>
    <row r="5169" spans="1:3" ht="24">
      <c r="A5169" s="10">
        <v>5167</v>
      </c>
      <c r="B5169" s="10" t="s">
        <v>3057</v>
      </c>
      <c r="C5169" s="12" t="s">
        <v>3026</v>
      </c>
    </row>
    <row r="5170" spans="1:3" ht="24">
      <c r="A5170" s="13">
        <v>5168</v>
      </c>
      <c r="B5170" s="10" t="s">
        <v>3057</v>
      </c>
      <c r="C5170" s="12" t="s">
        <v>3026</v>
      </c>
    </row>
    <row r="5171" spans="1:3" ht="24">
      <c r="A5171" s="13">
        <v>5169</v>
      </c>
      <c r="B5171" s="10" t="s">
        <v>3058</v>
      </c>
      <c r="C5171" s="12" t="s">
        <v>3026</v>
      </c>
    </row>
    <row r="5172" spans="1:3" ht="24">
      <c r="A5172" s="13">
        <v>5170</v>
      </c>
      <c r="B5172" s="10" t="s">
        <v>3059</v>
      </c>
      <c r="C5172" s="12" t="s">
        <v>3026</v>
      </c>
    </row>
    <row r="5173" spans="1:3" ht="24">
      <c r="A5173" s="10">
        <v>5171</v>
      </c>
      <c r="B5173" s="10" t="s">
        <v>3060</v>
      </c>
      <c r="C5173" s="12" t="s">
        <v>3026</v>
      </c>
    </row>
    <row r="5174" spans="1:3" ht="24">
      <c r="A5174" s="13">
        <v>5172</v>
      </c>
      <c r="B5174" s="10" t="s">
        <v>3061</v>
      </c>
      <c r="C5174" s="12" t="s">
        <v>3026</v>
      </c>
    </row>
    <row r="5175" spans="1:3" ht="24">
      <c r="A5175" s="13">
        <v>5173</v>
      </c>
      <c r="B5175" s="10" t="s">
        <v>1365</v>
      </c>
      <c r="C5175" s="12" t="s">
        <v>3026</v>
      </c>
    </row>
    <row r="5176" spans="1:3" ht="24">
      <c r="A5176" s="13">
        <v>5174</v>
      </c>
      <c r="B5176" s="10" t="s">
        <v>3062</v>
      </c>
      <c r="C5176" s="12" t="s">
        <v>3026</v>
      </c>
    </row>
    <row r="5177" spans="1:3" ht="24">
      <c r="A5177" s="10">
        <v>5175</v>
      </c>
      <c r="B5177" s="10" t="s">
        <v>3063</v>
      </c>
      <c r="C5177" s="12" t="s">
        <v>3026</v>
      </c>
    </row>
    <row r="5178" spans="1:3" ht="24">
      <c r="A5178" s="13">
        <v>5176</v>
      </c>
      <c r="B5178" s="10" t="s">
        <v>2300</v>
      </c>
      <c r="C5178" s="12" t="s">
        <v>3026</v>
      </c>
    </row>
    <row r="5179" spans="1:3" ht="24">
      <c r="A5179" s="13">
        <v>5177</v>
      </c>
      <c r="B5179" s="10" t="s">
        <v>2097</v>
      </c>
      <c r="C5179" s="12" t="s">
        <v>3026</v>
      </c>
    </row>
    <row r="5180" spans="1:3" ht="24">
      <c r="A5180" s="13">
        <v>5178</v>
      </c>
      <c r="B5180" s="10" t="s">
        <v>2333</v>
      </c>
      <c r="C5180" s="12" t="s">
        <v>3026</v>
      </c>
    </row>
    <row r="5181" spans="1:3" ht="24">
      <c r="A5181" s="10">
        <v>5179</v>
      </c>
      <c r="B5181" s="10" t="s">
        <v>2333</v>
      </c>
      <c r="C5181" s="12" t="s">
        <v>3026</v>
      </c>
    </row>
    <row r="5182" spans="1:3" ht="24">
      <c r="A5182" s="13">
        <v>5180</v>
      </c>
      <c r="B5182" s="10" t="s">
        <v>2333</v>
      </c>
      <c r="C5182" s="12" t="s">
        <v>3026</v>
      </c>
    </row>
    <row r="5183" spans="1:3" ht="24">
      <c r="A5183" s="13">
        <v>5181</v>
      </c>
      <c r="B5183" s="10" t="s">
        <v>2333</v>
      </c>
      <c r="C5183" s="12" t="s">
        <v>3026</v>
      </c>
    </row>
    <row r="5184" spans="1:3" ht="24">
      <c r="A5184" s="13">
        <v>5182</v>
      </c>
      <c r="B5184" s="10" t="s">
        <v>2333</v>
      </c>
      <c r="C5184" s="12" t="s">
        <v>3026</v>
      </c>
    </row>
    <row r="5185" spans="1:3" ht="24">
      <c r="A5185" s="10">
        <v>5183</v>
      </c>
      <c r="B5185" s="10" t="s">
        <v>2333</v>
      </c>
      <c r="C5185" s="12" t="s">
        <v>3026</v>
      </c>
    </row>
    <row r="5186" spans="1:3" ht="24">
      <c r="A5186" s="13">
        <v>5184</v>
      </c>
      <c r="B5186" s="10" t="s">
        <v>2333</v>
      </c>
      <c r="C5186" s="12" t="s">
        <v>3026</v>
      </c>
    </row>
    <row r="5187" spans="1:3" ht="24">
      <c r="A5187" s="13">
        <v>5185</v>
      </c>
      <c r="B5187" s="10" t="s">
        <v>2334</v>
      </c>
      <c r="C5187" s="12" t="s">
        <v>3026</v>
      </c>
    </row>
    <row r="5188" spans="1:3" ht="24">
      <c r="A5188" s="13">
        <v>5186</v>
      </c>
      <c r="B5188" s="10" t="s">
        <v>3064</v>
      </c>
      <c r="C5188" s="12" t="s">
        <v>3026</v>
      </c>
    </row>
    <row r="5189" spans="1:3" ht="24">
      <c r="A5189" s="10">
        <v>5187</v>
      </c>
      <c r="B5189" s="10" t="s">
        <v>3027</v>
      </c>
      <c r="C5189" s="12" t="s">
        <v>3026</v>
      </c>
    </row>
    <row r="5190" spans="1:3" ht="31.5">
      <c r="A5190" s="13">
        <v>5188</v>
      </c>
      <c r="B5190" s="10" t="s">
        <v>3065</v>
      </c>
      <c r="C5190" s="12" t="s">
        <v>3026</v>
      </c>
    </row>
    <row r="5191" spans="1:3" ht="24">
      <c r="A5191" s="13">
        <v>5189</v>
      </c>
      <c r="B5191" s="10" t="s">
        <v>3066</v>
      </c>
      <c r="C5191" s="12" t="s">
        <v>3026</v>
      </c>
    </row>
    <row r="5192" spans="1:3" ht="24">
      <c r="A5192" s="13">
        <v>5190</v>
      </c>
      <c r="B5192" s="10" t="s">
        <v>2805</v>
      </c>
      <c r="C5192" s="12" t="s">
        <v>3026</v>
      </c>
    </row>
    <row r="5193" spans="1:3" ht="24">
      <c r="A5193" s="10">
        <v>5191</v>
      </c>
      <c r="B5193" s="10" t="s">
        <v>2163</v>
      </c>
      <c r="C5193" s="12" t="s">
        <v>3026</v>
      </c>
    </row>
    <row r="5194" spans="1:3" ht="24">
      <c r="A5194" s="13">
        <v>5192</v>
      </c>
      <c r="B5194" s="10" t="s">
        <v>2808</v>
      </c>
      <c r="C5194" s="12" t="s">
        <v>3026</v>
      </c>
    </row>
    <row r="5195" spans="1:3" ht="31.5">
      <c r="A5195" s="13">
        <v>5193</v>
      </c>
      <c r="B5195" s="10" t="s">
        <v>2071</v>
      </c>
      <c r="C5195" s="12" t="s">
        <v>3026</v>
      </c>
    </row>
    <row r="5196" spans="1:3" ht="24">
      <c r="A5196" s="13">
        <v>5194</v>
      </c>
      <c r="B5196" s="10" t="s">
        <v>3067</v>
      </c>
      <c r="C5196" s="12" t="s">
        <v>3026</v>
      </c>
    </row>
    <row r="5197" spans="1:3" ht="24">
      <c r="A5197" s="10">
        <v>5195</v>
      </c>
      <c r="B5197" s="10" t="s">
        <v>3068</v>
      </c>
      <c r="C5197" s="12" t="s">
        <v>3026</v>
      </c>
    </row>
    <row r="5198" spans="1:3" ht="24">
      <c r="A5198" s="13">
        <v>5196</v>
      </c>
      <c r="B5198" s="10" t="s">
        <v>3069</v>
      </c>
      <c r="C5198" s="12" t="s">
        <v>3026</v>
      </c>
    </row>
    <row r="5199" spans="1:3" ht="24">
      <c r="A5199" s="13">
        <v>5197</v>
      </c>
      <c r="B5199" s="10" t="s">
        <v>3070</v>
      </c>
      <c r="C5199" s="12" t="s">
        <v>3026</v>
      </c>
    </row>
    <row r="5200" spans="1:3" ht="24">
      <c r="A5200" s="13">
        <v>5198</v>
      </c>
      <c r="B5200" s="10" t="s">
        <v>3071</v>
      </c>
      <c r="C5200" s="12" t="s">
        <v>3026</v>
      </c>
    </row>
    <row r="5201" spans="1:3" ht="24">
      <c r="A5201" s="10">
        <v>5199</v>
      </c>
      <c r="B5201" s="10" t="s">
        <v>3072</v>
      </c>
      <c r="C5201" s="12" t="s">
        <v>3026</v>
      </c>
    </row>
    <row r="5202" spans="1:3" ht="24">
      <c r="A5202" s="13">
        <v>5200</v>
      </c>
      <c r="B5202" s="10" t="s">
        <v>3073</v>
      </c>
      <c r="C5202" s="12" t="s">
        <v>3026</v>
      </c>
    </row>
    <row r="5203" spans="1:3" ht="24">
      <c r="A5203" s="13">
        <v>5201</v>
      </c>
      <c r="B5203" s="10" t="s">
        <v>3074</v>
      </c>
      <c r="C5203" s="12" t="s">
        <v>3026</v>
      </c>
    </row>
    <row r="5204" spans="1:3" ht="24">
      <c r="A5204" s="13">
        <v>5202</v>
      </c>
      <c r="B5204" s="44" t="s">
        <v>3075</v>
      </c>
      <c r="C5204" s="12" t="s">
        <v>3026</v>
      </c>
    </row>
    <row r="5205" spans="1:3" ht="24">
      <c r="A5205" s="10">
        <v>5203</v>
      </c>
      <c r="B5205" s="44" t="s">
        <v>3076</v>
      </c>
      <c r="C5205" s="12" t="s">
        <v>3026</v>
      </c>
    </row>
    <row r="5206" spans="1:3" ht="24">
      <c r="A5206" s="13">
        <v>5204</v>
      </c>
      <c r="B5206" s="44" t="s">
        <v>3077</v>
      </c>
      <c r="C5206" s="12" t="s">
        <v>3026</v>
      </c>
    </row>
    <row r="5207" spans="1:3" ht="24">
      <c r="A5207" s="13">
        <v>5205</v>
      </c>
      <c r="B5207" s="25" t="s">
        <v>3078</v>
      </c>
      <c r="C5207" s="12" t="s">
        <v>3026</v>
      </c>
    </row>
    <row r="5208" spans="1:3" ht="24">
      <c r="A5208" s="13">
        <v>5206</v>
      </c>
      <c r="B5208" s="10" t="s">
        <v>3079</v>
      </c>
      <c r="C5208" s="12" t="s">
        <v>3026</v>
      </c>
    </row>
    <row r="5209" spans="1:3" ht="24">
      <c r="A5209" s="10">
        <v>5207</v>
      </c>
      <c r="B5209" s="15" t="s">
        <v>3080</v>
      </c>
      <c r="C5209" s="12" t="s">
        <v>3026</v>
      </c>
    </row>
    <row r="5210" spans="1:3" ht="24">
      <c r="A5210" s="13">
        <v>5208</v>
      </c>
      <c r="B5210" s="10" t="s">
        <v>3081</v>
      </c>
      <c r="C5210" s="12" t="s">
        <v>3026</v>
      </c>
    </row>
    <row r="5211" spans="1:3" ht="24">
      <c r="A5211" s="13">
        <v>5209</v>
      </c>
      <c r="B5211" s="10" t="s">
        <v>3082</v>
      </c>
      <c r="C5211" s="12" t="s">
        <v>3026</v>
      </c>
    </row>
    <row r="5212" spans="1:3" ht="24">
      <c r="A5212" s="13">
        <v>5210</v>
      </c>
      <c r="B5212" s="10" t="s">
        <v>3083</v>
      </c>
      <c r="C5212" s="12" t="s">
        <v>3026</v>
      </c>
    </row>
    <row r="5213" spans="1:3" ht="24">
      <c r="A5213" s="10">
        <v>5211</v>
      </c>
      <c r="B5213" s="10" t="s">
        <v>3084</v>
      </c>
      <c r="C5213" s="12" t="s">
        <v>3026</v>
      </c>
    </row>
    <row r="5214" spans="1:3" ht="24">
      <c r="A5214" s="13">
        <v>5212</v>
      </c>
      <c r="B5214" s="10" t="s">
        <v>3085</v>
      </c>
      <c r="C5214" s="12" t="s">
        <v>3026</v>
      </c>
    </row>
    <row r="5215" spans="1:3" ht="24">
      <c r="A5215" s="13">
        <v>5213</v>
      </c>
      <c r="B5215" s="16" t="s">
        <v>3086</v>
      </c>
      <c r="C5215" s="12" t="s">
        <v>3026</v>
      </c>
    </row>
    <row r="5216" spans="1:3" ht="24">
      <c r="A5216" s="13">
        <v>5214</v>
      </c>
      <c r="B5216" s="10" t="s">
        <v>3087</v>
      </c>
      <c r="C5216" s="12" t="s">
        <v>3026</v>
      </c>
    </row>
    <row r="5217" spans="1:3" ht="24">
      <c r="A5217" s="10">
        <v>5215</v>
      </c>
      <c r="B5217" s="10" t="s">
        <v>3088</v>
      </c>
      <c r="C5217" s="12" t="s">
        <v>3026</v>
      </c>
    </row>
    <row r="5218" spans="1:3" ht="24">
      <c r="A5218" s="13">
        <v>5216</v>
      </c>
      <c r="B5218" s="10" t="s">
        <v>3089</v>
      </c>
      <c r="C5218" s="12" t="s">
        <v>3026</v>
      </c>
    </row>
    <row r="5219" spans="1:3" ht="24">
      <c r="A5219" s="13">
        <v>5217</v>
      </c>
      <c r="B5219" s="10" t="s">
        <v>3090</v>
      </c>
      <c r="C5219" s="12" t="s">
        <v>3026</v>
      </c>
    </row>
    <row r="5220" spans="1:3" ht="24">
      <c r="A5220" s="13">
        <v>5218</v>
      </c>
      <c r="B5220" s="10" t="s">
        <v>3091</v>
      </c>
      <c r="C5220" s="12" t="s">
        <v>3026</v>
      </c>
    </row>
    <row r="5221" spans="1:3" ht="24">
      <c r="A5221" s="10">
        <v>5219</v>
      </c>
      <c r="B5221" s="10" t="s">
        <v>3092</v>
      </c>
      <c r="C5221" s="12" t="s">
        <v>3026</v>
      </c>
    </row>
    <row r="5222" spans="1:3" ht="24">
      <c r="A5222" s="13">
        <v>5220</v>
      </c>
      <c r="B5222" s="10" t="s">
        <v>3093</v>
      </c>
      <c r="C5222" s="12" t="s">
        <v>3026</v>
      </c>
    </row>
    <row r="5223" spans="1:3" ht="24">
      <c r="A5223" s="13">
        <v>5221</v>
      </c>
      <c r="B5223" s="10" t="s">
        <v>2366</v>
      </c>
      <c r="C5223" s="12" t="s">
        <v>3026</v>
      </c>
    </row>
    <row r="5224" spans="1:3" ht="24">
      <c r="A5224" s="13">
        <v>5222</v>
      </c>
      <c r="B5224" s="10" t="s">
        <v>2366</v>
      </c>
      <c r="C5224" s="12" t="s">
        <v>3026</v>
      </c>
    </row>
    <row r="5225" spans="1:3" ht="24">
      <c r="A5225" s="10">
        <v>5223</v>
      </c>
      <c r="B5225" s="10" t="s">
        <v>3094</v>
      </c>
      <c r="C5225" s="12" t="s">
        <v>3026</v>
      </c>
    </row>
    <row r="5226" spans="1:3" ht="24">
      <c r="A5226" s="13">
        <v>5224</v>
      </c>
      <c r="B5226" s="10" t="s">
        <v>3095</v>
      </c>
      <c r="C5226" s="12" t="s">
        <v>3026</v>
      </c>
    </row>
    <row r="5227" spans="1:3" ht="24">
      <c r="A5227" s="13">
        <v>5225</v>
      </c>
      <c r="B5227" s="10" t="s">
        <v>3096</v>
      </c>
      <c r="C5227" s="12" t="s">
        <v>3026</v>
      </c>
    </row>
    <row r="5228" spans="1:3" ht="24">
      <c r="A5228" s="13">
        <v>5226</v>
      </c>
      <c r="B5228" s="10" t="s">
        <v>3097</v>
      </c>
      <c r="C5228" s="12" t="s">
        <v>3026</v>
      </c>
    </row>
    <row r="5229" spans="1:3" ht="24">
      <c r="A5229" s="10">
        <v>5227</v>
      </c>
      <c r="B5229" s="10" t="s">
        <v>3098</v>
      </c>
      <c r="C5229" s="12" t="s">
        <v>3026</v>
      </c>
    </row>
    <row r="5230" spans="1:3" ht="24">
      <c r="A5230" s="13">
        <v>5228</v>
      </c>
      <c r="B5230" s="10" t="s">
        <v>3099</v>
      </c>
      <c r="C5230" s="12" t="s">
        <v>3026</v>
      </c>
    </row>
    <row r="5231" spans="1:3" ht="24">
      <c r="A5231" s="13">
        <v>5229</v>
      </c>
      <c r="B5231" s="10" t="s">
        <v>3100</v>
      </c>
      <c r="C5231" s="12" t="s">
        <v>3026</v>
      </c>
    </row>
    <row r="5232" spans="1:3" ht="24">
      <c r="A5232" s="13">
        <v>5230</v>
      </c>
      <c r="B5232" s="10" t="s">
        <v>3101</v>
      </c>
      <c r="C5232" s="12" t="s">
        <v>3026</v>
      </c>
    </row>
    <row r="5233" spans="1:3" ht="24">
      <c r="A5233" s="10">
        <v>5231</v>
      </c>
      <c r="B5233" s="10" t="s">
        <v>3102</v>
      </c>
      <c r="C5233" s="12" t="s">
        <v>3026</v>
      </c>
    </row>
    <row r="5234" spans="1:3" ht="24">
      <c r="A5234" s="13">
        <v>5232</v>
      </c>
      <c r="B5234" s="10" t="s">
        <v>3103</v>
      </c>
      <c r="C5234" s="12" t="s">
        <v>3026</v>
      </c>
    </row>
    <row r="5235" spans="1:3" ht="24">
      <c r="A5235" s="13">
        <v>5233</v>
      </c>
      <c r="B5235" s="10" t="s">
        <v>3104</v>
      </c>
      <c r="C5235" s="12" t="s">
        <v>3026</v>
      </c>
    </row>
    <row r="5236" spans="1:3" ht="24">
      <c r="A5236" s="13">
        <v>5234</v>
      </c>
      <c r="B5236" s="10" t="s">
        <v>3105</v>
      </c>
      <c r="C5236" s="12" t="s">
        <v>3026</v>
      </c>
    </row>
    <row r="5237" spans="1:3" ht="24">
      <c r="A5237" s="10">
        <v>5235</v>
      </c>
      <c r="B5237" s="10" t="s">
        <v>3106</v>
      </c>
      <c r="C5237" s="12" t="s">
        <v>3026</v>
      </c>
    </row>
    <row r="5238" spans="1:3" ht="24">
      <c r="A5238" s="13">
        <v>5236</v>
      </c>
      <c r="B5238" s="10" t="s">
        <v>3107</v>
      </c>
      <c r="C5238" s="12" t="s">
        <v>3026</v>
      </c>
    </row>
    <row r="5239" spans="1:3" ht="24">
      <c r="A5239" s="13">
        <v>5237</v>
      </c>
      <c r="B5239" s="10" t="s">
        <v>3108</v>
      </c>
      <c r="C5239" s="12" t="s">
        <v>3026</v>
      </c>
    </row>
    <row r="5240" spans="1:3" ht="24">
      <c r="A5240" s="13">
        <v>5238</v>
      </c>
      <c r="B5240" s="10" t="s">
        <v>3109</v>
      </c>
      <c r="C5240" s="12" t="s">
        <v>3026</v>
      </c>
    </row>
    <row r="5241" spans="1:3" ht="24">
      <c r="A5241" s="10">
        <v>5239</v>
      </c>
      <c r="B5241" s="10" t="s">
        <v>3110</v>
      </c>
      <c r="C5241" s="12" t="s">
        <v>3026</v>
      </c>
    </row>
    <row r="5242" spans="1:3" ht="24">
      <c r="A5242" s="13">
        <v>5240</v>
      </c>
      <c r="B5242" s="10" t="s">
        <v>3111</v>
      </c>
      <c r="C5242" s="12" t="s">
        <v>3026</v>
      </c>
    </row>
    <row r="5243" spans="1:3" ht="31.5">
      <c r="A5243" s="13">
        <v>5241</v>
      </c>
      <c r="B5243" s="10" t="s">
        <v>3112</v>
      </c>
      <c r="C5243" s="12" t="s">
        <v>3026</v>
      </c>
    </row>
    <row r="5244" spans="1:3" ht="31.5">
      <c r="A5244" s="13">
        <v>5242</v>
      </c>
      <c r="B5244" s="10" t="s">
        <v>2388</v>
      </c>
      <c r="C5244" s="12" t="s">
        <v>3026</v>
      </c>
    </row>
    <row r="5245" spans="1:3" ht="31.5">
      <c r="A5245" s="10">
        <v>5243</v>
      </c>
      <c r="B5245" s="10" t="s">
        <v>2388</v>
      </c>
      <c r="C5245" s="12" t="s">
        <v>3026</v>
      </c>
    </row>
    <row r="5246" spans="1:3" ht="31.5">
      <c r="A5246" s="13">
        <v>5244</v>
      </c>
      <c r="B5246" s="10" t="s">
        <v>2388</v>
      </c>
      <c r="C5246" s="12" t="s">
        <v>3026</v>
      </c>
    </row>
    <row r="5247" spans="1:3" ht="31.5">
      <c r="A5247" s="13">
        <v>5245</v>
      </c>
      <c r="B5247" s="10" t="s">
        <v>2388</v>
      </c>
      <c r="C5247" s="12" t="s">
        <v>3026</v>
      </c>
    </row>
    <row r="5248" spans="1:3" ht="31.5">
      <c r="A5248" s="13">
        <v>5246</v>
      </c>
      <c r="B5248" s="10" t="s">
        <v>3113</v>
      </c>
      <c r="C5248" s="12" t="s">
        <v>3026</v>
      </c>
    </row>
    <row r="5249" spans="1:3" ht="31.5">
      <c r="A5249" s="10">
        <v>5247</v>
      </c>
      <c r="B5249" s="10" t="s">
        <v>2222</v>
      </c>
      <c r="C5249" s="12" t="s">
        <v>3026</v>
      </c>
    </row>
    <row r="5250" spans="1:3" ht="31.5">
      <c r="A5250" s="13">
        <v>5248</v>
      </c>
      <c r="B5250" s="10" t="s">
        <v>2222</v>
      </c>
      <c r="C5250" s="12" t="s">
        <v>3026</v>
      </c>
    </row>
    <row r="5251" spans="1:3" ht="31.5">
      <c r="A5251" s="13">
        <v>5249</v>
      </c>
      <c r="B5251" s="10" t="s">
        <v>2222</v>
      </c>
      <c r="C5251" s="12" t="s">
        <v>3026</v>
      </c>
    </row>
    <row r="5252" spans="1:3" ht="31.5">
      <c r="A5252" s="13">
        <v>5250</v>
      </c>
      <c r="B5252" s="10" t="s">
        <v>2222</v>
      </c>
      <c r="C5252" s="12" t="s">
        <v>3026</v>
      </c>
    </row>
    <row r="5253" spans="1:3" ht="24">
      <c r="A5253" s="10">
        <v>5251</v>
      </c>
      <c r="B5253" s="10" t="s">
        <v>3114</v>
      </c>
      <c r="C5253" s="12" t="s">
        <v>3026</v>
      </c>
    </row>
    <row r="5254" spans="1:3" ht="24">
      <c r="A5254" s="13">
        <v>5252</v>
      </c>
      <c r="B5254" s="10" t="s">
        <v>3115</v>
      </c>
      <c r="C5254" s="12" t="s">
        <v>3026</v>
      </c>
    </row>
    <row r="5255" spans="1:3" ht="24">
      <c r="A5255" s="13">
        <v>5253</v>
      </c>
      <c r="B5255" s="10" t="s">
        <v>1060</v>
      </c>
      <c r="C5255" s="12" t="s">
        <v>3026</v>
      </c>
    </row>
    <row r="5256" spans="1:3" ht="24">
      <c r="A5256" s="13">
        <v>5254</v>
      </c>
      <c r="B5256" s="10" t="s">
        <v>3116</v>
      </c>
      <c r="C5256" s="12" t="s">
        <v>3026</v>
      </c>
    </row>
    <row r="5257" spans="1:3" ht="24">
      <c r="A5257" s="10">
        <v>5255</v>
      </c>
      <c r="B5257" s="10" t="s">
        <v>3117</v>
      </c>
      <c r="C5257" s="12" t="s">
        <v>3026</v>
      </c>
    </row>
    <row r="5258" spans="1:3" ht="24">
      <c r="A5258" s="13">
        <v>5256</v>
      </c>
      <c r="B5258" s="10" t="s">
        <v>3118</v>
      </c>
      <c r="C5258" s="12" t="s">
        <v>3026</v>
      </c>
    </row>
    <row r="5259" spans="1:3" ht="24">
      <c r="A5259" s="13">
        <v>5257</v>
      </c>
      <c r="B5259" s="10" t="s">
        <v>3119</v>
      </c>
      <c r="C5259" s="12" t="s">
        <v>3026</v>
      </c>
    </row>
    <row r="5260" spans="1:3" ht="24">
      <c r="A5260" s="13">
        <v>5258</v>
      </c>
      <c r="B5260" s="10" t="s">
        <v>3119</v>
      </c>
      <c r="C5260" s="12" t="s">
        <v>3026</v>
      </c>
    </row>
    <row r="5261" spans="1:3" ht="24">
      <c r="A5261" s="10">
        <v>5259</v>
      </c>
      <c r="B5261" s="10" t="s">
        <v>3120</v>
      </c>
      <c r="C5261" s="12" t="s">
        <v>3026</v>
      </c>
    </row>
    <row r="5262" spans="1:3" ht="24">
      <c r="A5262" s="13">
        <v>5260</v>
      </c>
      <c r="B5262" s="10" t="s">
        <v>3121</v>
      </c>
      <c r="C5262" s="12" t="s">
        <v>3026</v>
      </c>
    </row>
    <row r="5263" spans="1:3" ht="24">
      <c r="A5263" s="13">
        <v>5261</v>
      </c>
      <c r="B5263" s="10" t="s">
        <v>2759</v>
      </c>
      <c r="C5263" s="12" t="s">
        <v>3026</v>
      </c>
    </row>
    <row r="5264" spans="1:3" ht="24">
      <c r="A5264" s="13">
        <v>5262</v>
      </c>
      <c r="B5264" s="10" t="s">
        <v>3122</v>
      </c>
      <c r="C5264" s="12" t="s">
        <v>3026</v>
      </c>
    </row>
    <row r="5265" spans="1:3" ht="24">
      <c r="A5265" s="10">
        <v>5263</v>
      </c>
      <c r="B5265" s="10" t="s">
        <v>3122</v>
      </c>
      <c r="C5265" s="12" t="s">
        <v>3026</v>
      </c>
    </row>
    <row r="5266" spans="1:3" ht="24">
      <c r="A5266" s="13">
        <v>5264</v>
      </c>
      <c r="B5266" s="10" t="s">
        <v>3122</v>
      </c>
      <c r="C5266" s="12" t="s">
        <v>3026</v>
      </c>
    </row>
    <row r="5267" spans="1:3" ht="24">
      <c r="A5267" s="13">
        <v>5265</v>
      </c>
      <c r="B5267" s="10" t="s">
        <v>3122</v>
      </c>
      <c r="C5267" s="12" t="s">
        <v>3026</v>
      </c>
    </row>
    <row r="5268" spans="1:3" ht="24">
      <c r="A5268" s="13">
        <v>5266</v>
      </c>
      <c r="B5268" s="10" t="s">
        <v>3123</v>
      </c>
      <c r="C5268" s="12" t="s">
        <v>3026</v>
      </c>
    </row>
    <row r="5269" spans="1:3" ht="24">
      <c r="A5269" s="10">
        <v>5267</v>
      </c>
      <c r="B5269" s="10" t="s">
        <v>3124</v>
      </c>
      <c r="C5269" s="12" t="s">
        <v>3026</v>
      </c>
    </row>
    <row r="5270" spans="1:3" ht="24">
      <c r="A5270" s="13">
        <v>5268</v>
      </c>
      <c r="B5270" s="10" t="s">
        <v>3125</v>
      </c>
      <c r="C5270" s="12" t="s">
        <v>3026</v>
      </c>
    </row>
    <row r="5271" spans="1:3" ht="24">
      <c r="A5271" s="13">
        <v>5269</v>
      </c>
      <c r="B5271" s="10" t="s">
        <v>3126</v>
      </c>
      <c r="C5271" s="12" t="s">
        <v>3026</v>
      </c>
    </row>
    <row r="5272" spans="1:3" ht="24">
      <c r="A5272" s="13">
        <v>5270</v>
      </c>
      <c r="B5272" s="10" t="s">
        <v>3127</v>
      </c>
      <c r="C5272" s="12" t="s">
        <v>3026</v>
      </c>
    </row>
    <row r="5273" spans="1:3" ht="24">
      <c r="A5273" s="10">
        <v>5271</v>
      </c>
      <c r="B5273" s="10" t="s">
        <v>3127</v>
      </c>
      <c r="C5273" s="12" t="s">
        <v>3026</v>
      </c>
    </row>
    <row r="5274" spans="1:3" ht="24">
      <c r="A5274" s="13">
        <v>5272</v>
      </c>
      <c r="B5274" s="10" t="s">
        <v>3127</v>
      </c>
      <c r="C5274" s="12" t="s">
        <v>3026</v>
      </c>
    </row>
    <row r="5275" spans="1:3" ht="24">
      <c r="A5275" s="13">
        <v>5273</v>
      </c>
      <c r="B5275" s="10" t="s">
        <v>2247</v>
      </c>
      <c r="C5275" s="12" t="s">
        <v>3026</v>
      </c>
    </row>
    <row r="5276" spans="1:3" ht="24">
      <c r="A5276" s="13">
        <v>5274</v>
      </c>
      <c r="B5276" s="10" t="s">
        <v>3128</v>
      </c>
      <c r="C5276" s="12" t="s">
        <v>3026</v>
      </c>
    </row>
    <row r="5277" spans="1:3" ht="24">
      <c r="A5277" s="10">
        <v>5275</v>
      </c>
      <c r="B5277" s="10" t="s">
        <v>3129</v>
      </c>
      <c r="C5277" s="12" t="s">
        <v>3026</v>
      </c>
    </row>
    <row r="5278" spans="1:3" ht="24">
      <c r="A5278" s="13">
        <v>5276</v>
      </c>
      <c r="B5278" s="10" t="s">
        <v>3130</v>
      </c>
      <c r="C5278" s="12" t="s">
        <v>3026</v>
      </c>
    </row>
    <row r="5279" spans="1:3" ht="24">
      <c r="A5279" s="13">
        <v>5277</v>
      </c>
      <c r="B5279" s="10" t="s">
        <v>3131</v>
      </c>
      <c r="C5279" s="12" t="s">
        <v>3026</v>
      </c>
    </row>
    <row r="5280" spans="1:3" ht="24">
      <c r="A5280" s="13">
        <v>5278</v>
      </c>
      <c r="B5280" s="10" t="s">
        <v>3132</v>
      </c>
      <c r="C5280" s="12" t="s">
        <v>3026</v>
      </c>
    </row>
    <row r="5281" spans="1:3" ht="24">
      <c r="A5281" s="10">
        <v>5279</v>
      </c>
      <c r="B5281" s="10" t="s">
        <v>3132</v>
      </c>
      <c r="C5281" s="12" t="s">
        <v>3026</v>
      </c>
    </row>
    <row r="5282" spans="1:3" ht="24">
      <c r="A5282" s="13">
        <v>5280</v>
      </c>
      <c r="B5282" s="10" t="s">
        <v>3132</v>
      </c>
      <c r="C5282" s="12" t="s">
        <v>3026</v>
      </c>
    </row>
    <row r="5283" spans="1:3" ht="24">
      <c r="A5283" s="13">
        <v>5281</v>
      </c>
      <c r="B5283" s="10" t="s">
        <v>3132</v>
      </c>
      <c r="C5283" s="12" t="s">
        <v>3026</v>
      </c>
    </row>
    <row r="5284" spans="1:3" ht="24">
      <c r="A5284" s="13">
        <v>5282</v>
      </c>
      <c r="B5284" s="10" t="s">
        <v>3132</v>
      </c>
      <c r="C5284" s="12" t="s">
        <v>3026</v>
      </c>
    </row>
    <row r="5285" spans="1:3" ht="24">
      <c r="A5285" s="10">
        <v>5283</v>
      </c>
      <c r="B5285" s="10" t="s">
        <v>3132</v>
      </c>
      <c r="C5285" s="12" t="s">
        <v>3026</v>
      </c>
    </row>
    <row r="5286" spans="1:3" ht="24">
      <c r="A5286" s="13">
        <v>5284</v>
      </c>
      <c r="B5286" s="10" t="s">
        <v>3132</v>
      </c>
      <c r="C5286" s="12" t="s">
        <v>3026</v>
      </c>
    </row>
    <row r="5287" spans="1:3" ht="24">
      <c r="A5287" s="13">
        <v>5285</v>
      </c>
      <c r="B5287" s="10" t="s">
        <v>3132</v>
      </c>
      <c r="C5287" s="12" t="s">
        <v>3026</v>
      </c>
    </row>
    <row r="5288" spans="1:3" ht="24">
      <c r="A5288" s="13">
        <v>5286</v>
      </c>
      <c r="B5288" s="10" t="s">
        <v>3132</v>
      </c>
      <c r="C5288" s="12" t="s">
        <v>3026</v>
      </c>
    </row>
    <row r="5289" spans="1:3" ht="24">
      <c r="A5289" s="10">
        <v>5287</v>
      </c>
      <c r="B5289" s="10" t="s">
        <v>3132</v>
      </c>
      <c r="C5289" s="12" t="s">
        <v>3026</v>
      </c>
    </row>
    <row r="5290" spans="1:3" ht="24">
      <c r="A5290" s="13">
        <v>5288</v>
      </c>
      <c r="B5290" s="10" t="s">
        <v>3133</v>
      </c>
      <c r="C5290" s="12" t="s">
        <v>3026</v>
      </c>
    </row>
    <row r="5291" spans="1:3" ht="24">
      <c r="A5291" s="13">
        <v>5289</v>
      </c>
      <c r="B5291" s="10" t="s">
        <v>3134</v>
      </c>
      <c r="C5291" s="12" t="s">
        <v>3026</v>
      </c>
    </row>
    <row r="5292" spans="1:3" ht="24">
      <c r="A5292" s="13">
        <v>5290</v>
      </c>
      <c r="B5292" s="10" t="s">
        <v>3135</v>
      </c>
      <c r="C5292" s="12" t="s">
        <v>3026</v>
      </c>
    </row>
    <row r="5293" spans="1:3" ht="24">
      <c r="A5293" s="10">
        <v>5291</v>
      </c>
      <c r="B5293" s="10" t="s">
        <v>3136</v>
      </c>
      <c r="C5293" s="12" t="s">
        <v>3026</v>
      </c>
    </row>
    <row r="5294" spans="1:3" ht="24">
      <c r="A5294" s="13">
        <v>5292</v>
      </c>
      <c r="B5294" s="10" t="s">
        <v>3137</v>
      </c>
      <c r="C5294" s="12" t="s">
        <v>3026</v>
      </c>
    </row>
    <row r="5295" spans="1:3" ht="24">
      <c r="A5295" s="13">
        <v>5293</v>
      </c>
      <c r="B5295" s="10" t="s">
        <v>3138</v>
      </c>
      <c r="C5295" s="12" t="s">
        <v>3026</v>
      </c>
    </row>
    <row r="5296" spans="1:3" ht="24">
      <c r="A5296" s="13">
        <v>5294</v>
      </c>
      <c r="B5296" s="10" t="s">
        <v>3139</v>
      </c>
      <c r="C5296" s="12" t="s">
        <v>3026</v>
      </c>
    </row>
    <row r="5297" spans="1:3" ht="31.5">
      <c r="A5297" s="10">
        <v>5295</v>
      </c>
      <c r="B5297" s="10" t="s">
        <v>3140</v>
      </c>
      <c r="C5297" s="12" t="s">
        <v>3026</v>
      </c>
    </row>
    <row r="5298" spans="1:3" ht="31.5">
      <c r="A5298" s="13">
        <v>5296</v>
      </c>
      <c r="B5298" s="10" t="s">
        <v>3140</v>
      </c>
      <c r="C5298" s="12" t="s">
        <v>3026</v>
      </c>
    </row>
    <row r="5299" spans="1:3" ht="31.5">
      <c r="A5299" s="13">
        <v>5297</v>
      </c>
      <c r="B5299" s="10" t="s">
        <v>3140</v>
      </c>
      <c r="C5299" s="12" t="s">
        <v>3026</v>
      </c>
    </row>
    <row r="5300" spans="1:3" ht="31.5">
      <c r="A5300" s="13">
        <v>5298</v>
      </c>
      <c r="B5300" s="10" t="s">
        <v>3140</v>
      </c>
      <c r="C5300" s="12" t="s">
        <v>3026</v>
      </c>
    </row>
    <row r="5301" spans="1:3" ht="31.5">
      <c r="A5301" s="10">
        <v>5299</v>
      </c>
      <c r="B5301" s="10" t="s">
        <v>3140</v>
      </c>
      <c r="C5301" s="12" t="s">
        <v>3026</v>
      </c>
    </row>
    <row r="5302" spans="1:3" ht="31.5">
      <c r="A5302" s="13">
        <v>5300</v>
      </c>
      <c r="B5302" s="10" t="s">
        <v>3140</v>
      </c>
      <c r="C5302" s="12" t="s">
        <v>3026</v>
      </c>
    </row>
    <row r="5303" spans="1:3" ht="31.5">
      <c r="A5303" s="13">
        <v>5301</v>
      </c>
      <c r="B5303" s="10" t="s">
        <v>3140</v>
      </c>
      <c r="C5303" s="12" t="s">
        <v>3026</v>
      </c>
    </row>
    <row r="5304" spans="1:3" ht="31.5">
      <c r="A5304" s="13">
        <v>5302</v>
      </c>
      <c r="B5304" s="10" t="s">
        <v>3140</v>
      </c>
      <c r="C5304" s="12" t="s">
        <v>3026</v>
      </c>
    </row>
    <row r="5305" spans="1:3" ht="31.5">
      <c r="A5305" s="10">
        <v>5303</v>
      </c>
      <c r="B5305" s="10" t="s">
        <v>3140</v>
      </c>
      <c r="C5305" s="12" t="s">
        <v>3026</v>
      </c>
    </row>
    <row r="5306" spans="1:3" ht="31.5">
      <c r="A5306" s="13">
        <v>5304</v>
      </c>
      <c r="B5306" s="10" t="s">
        <v>3140</v>
      </c>
      <c r="C5306" s="12" t="s">
        <v>3026</v>
      </c>
    </row>
    <row r="5307" spans="1:3" ht="31.5">
      <c r="A5307" s="13">
        <v>5305</v>
      </c>
      <c r="B5307" s="10" t="s">
        <v>3140</v>
      </c>
      <c r="C5307" s="12" t="s">
        <v>3026</v>
      </c>
    </row>
    <row r="5308" spans="1:3" ht="31.5">
      <c r="A5308" s="13">
        <v>5306</v>
      </c>
      <c r="B5308" s="10" t="s">
        <v>3140</v>
      </c>
      <c r="C5308" s="12" t="s">
        <v>3026</v>
      </c>
    </row>
    <row r="5309" spans="1:3" ht="31.5">
      <c r="A5309" s="10">
        <v>5307</v>
      </c>
      <c r="B5309" s="10" t="s">
        <v>3140</v>
      </c>
      <c r="C5309" s="12" t="s">
        <v>3026</v>
      </c>
    </row>
    <row r="5310" spans="1:3" ht="31.5">
      <c r="A5310" s="13">
        <v>5308</v>
      </c>
      <c r="B5310" s="10" t="s">
        <v>3140</v>
      </c>
      <c r="C5310" s="12" t="s">
        <v>3026</v>
      </c>
    </row>
    <row r="5311" spans="1:3" ht="31.5">
      <c r="A5311" s="13">
        <v>5309</v>
      </c>
      <c r="B5311" s="10" t="s">
        <v>3140</v>
      </c>
      <c r="C5311" s="12" t="s">
        <v>3026</v>
      </c>
    </row>
    <row r="5312" spans="1:3" ht="24">
      <c r="A5312" s="13">
        <v>5310</v>
      </c>
      <c r="B5312" s="10" t="s">
        <v>3141</v>
      </c>
      <c r="C5312" s="12" t="s">
        <v>3026</v>
      </c>
    </row>
    <row r="5313" spans="1:3" ht="24">
      <c r="A5313" s="10">
        <v>5311</v>
      </c>
      <c r="B5313" s="10" t="s">
        <v>3141</v>
      </c>
      <c r="C5313" s="12" t="s">
        <v>3026</v>
      </c>
    </row>
    <row r="5314" spans="1:3" ht="24">
      <c r="A5314" s="13">
        <v>5312</v>
      </c>
      <c r="B5314" s="10" t="s">
        <v>3141</v>
      </c>
      <c r="C5314" s="12" t="s">
        <v>3026</v>
      </c>
    </row>
    <row r="5315" spans="1:3" ht="24">
      <c r="A5315" s="13">
        <v>5313</v>
      </c>
      <c r="B5315" s="10" t="s">
        <v>3141</v>
      </c>
      <c r="C5315" s="12" t="s">
        <v>3026</v>
      </c>
    </row>
    <row r="5316" spans="1:3" ht="24">
      <c r="A5316" s="13">
        <v>5314</v>
      </c>
      <c r="B5316" s="10" t="s">
        <v>3142</v>
      </c>
      <c r="C5316" s="12" t="s">
        <v>3026</v>
      </c>
    </row>
    <row r="5317" spans="1:3" ht="24">
      <c r="A5317" s="10">
        <v>5315</v>
      </c>
      <c r="B5317" s="10" t="s">
        <v>3142</v>
      </c>
      <c r="C5317" s="12" t="s">
        <v>3026</v>
      </c>
    </row>
    <row r="5318" spans="1:3" ht="24">
      <c r="A5318" s="13">
        <v>5316</v>
      </c>
      <c r="B5318" s="10" t="s">
        <v>3142</v>
      </c>
      <c r="C5318" s="12" t="s">
        <v>3026</v>
      </c>
    </row>
    <row r="5319" spans="1:3" ht="24">
      <c r="A5319" s="13">
        <v>5317</v>
      </c>
      <c r="B5319" s="10" t="s">
        <v>3142</v>
      </c>
      <c r="C5319" s="12" t="s">
        <v>3026</v>
      </c>
    </row>
    <row r="5320" spans="1:3" ht="24">
      <c r="A5320" s="13">
        <v>5318</v>
      </c>
      <c r="B5320" s="10" t="s">
        <v>3142</v>
      </c>
      <c r="C5320" s="12" t="s">
        <v>3026</v>
      </c>
    </row>
    <row r="5321" spans="1:3" ht="24">
      <c r="A5321" s="10">
        <v>5319</v>
      </c>
      <c r="B5321" s="10" t="s">
        <v>3142</v>
      </c>
      <c r="C5321" s="12" t="s">
        <v>3026</v>
      </c>
    </row>
    <row r="5322" spans="1:3" ht="24">
      <c r="A5322" s="13">
        <v>5320</v>
      </c>
      <c r="B5322" s="10" t="s">
        <v>3143</v>
      </c>
      <c r="C5322" s="12" t="s">
        <v>3026</v>
      </c>
    </row>
    <row r="5323" spans="1:3" ht="24">
      <c r="A5323" s="13">
        <v>5321</v>
      </c>
      <c r="B5323" s="10" t="s">
        <v>3144</v>
      </c>
      <c r="C5323" s="12" t="s">
        <v>3026</v>
      </c>
    </row>
    <row r="5324" spans="1:3" ht="24">
      <c r="A5324" s="13">
        <v>5322</v>
      </c>
      <c r="B5324" s="10" t="s">
        <v>3145</v>
      </c>
      <c r="C5324" s="12" t="s">
        <v>3026</v>
      </c>
    </row>
    <row r="5325" spans="1:3" ht="24">
      <c r="A5325" s="10">
        <v>5323</v>
      </c>
      <c r="B5325" s="10" t="s">
        <v>2202</v>
      </c>
      <c r="C5325" s="12" t="s">
        <v>3026</v>
      </c>
    </row>
    <row r="5326" spans="1:3" ht="24">
      <c r="A5326" s="13">
        <v>5324</v>
      </c>
      <c r="B5326" s="10" t="s">
        <v>3146</v>
      </c>
      <c r="C5326" s="12" t="s">
        <v>3026</v>
      </c>
    </row>
    <row r="5327" spans="1:3" ht="24">
      <c r="A5327" s="13">
        <v>5325</v>
      </c>
      <c r="B5327" s="10" t="s">
        <v>3147</v>
      </c>
      <c r="C5327" s="12" t="s">
        <v>3026</v>
      </c>
    </row>
    <row r="5328" spans="1:3" ht="24">
      <c r="A5328" s="13">
        <v>5326</v>
      </c>
      <c r="B5328" s="10" t="s">
        <v>3147</v>
      </c>
      <c r="C5328" s="12" t="s">
        <v>3026</v>
      </c>
    </row>
    <row r="5329" spans="1:3" ht="24">
      <c r="A5329" s="10">
        <v>5327</v>
      </c>
      <c r="B5329" s="10" t="s">
        <v>3147</v>
      </c>
      <c r="C5329" s="12" t="s">
        <v>3026</v>
      </c>
    </row>
    <row r="5330" spans="1:3" ht="31.5">
      <c r="A5330" s="13">
        <v>5328</v>
      </c>
      <c r="B5330" s="10" t="s">
        <v>3148</v>
      </c>
      <c r="C5330" s="12" t="s">
        <v>3026</v>
      </c>
    </row>
    <row r="5331" spans="1:3" ht="24">
      <c r="A5331" s="13">
        <v>5329</v>
      </c>
      <c r="B5331" s="10" t="s">
        <v>3149</v>
      </c>
      <c r="C5331" s="12" t="s">
        <v>3026</v>
      </c>
    </row>
    <row r="5332" spans="1:3" ht="24">
      <c r="A5332" s="13">
        <v>5330</v>
      </c>
      <c r="B5332" s="10" t="s">
        <v>3150</v>
      </c>
      <c r="C5332" s="12" t="s">
        <v>3026</v>
      </c>
    </row>
    <row r="5333" spans="1:3" ht="24">
      <c r="A5333" s="10">
        <v>5331</v>
      </c>
      <c r="B5333" s="10" t="s">
        <v>3151</v>
      </c>
      <c r="C5333" s="12" t="s">
        <v>3026</v>
      </c>
    </row>
    <row r="5334" spans="1:3" ht="24">
      <c r="A5334" s="13">
        <v>5332</v>
      </c>
      <c r="B5334" s="10" t="s">
        <v>3151</v>
      </c>
      <c r="C5334" s="12" t="s">
        <v>3026</v>
      </c>
    </row>
    <row r="5335" spans="1:3" ht="24">
      <c r="A5335" s="13">
        <v>5333</v>
      </c>
      <c r="B5335" s="10" t="s">
        <v>3152</v>
      </c>
      <c r="C5335" s="12" t="s">
        <v>3026</v>
      </c>
    </row>
    <row r="5336" spans="1:3" ht="24">
      <c r="A5336" s="13">
        <v>5334</v>
      </c>
      <c r="B5336" s="10" t="s">
        <v>3153</v>
      </c>
      <c r="C5336" s="12" t="s">
        <v>3026</v>
      </c>
    </row>
    <row r="5337" spans="1:3" ht="24">
      <c r="A5337" s="10">
        <v>5335</v>
      </c>
      <c r="B5337" s="10" t="s">
        <v>3153</v>
      </c>
      <c r="C5337" s="12" t="s">
        <v>3026</v>
      </c>
    </row>
    <row r="5338" spans="1:3" ht="24">
      <c r="A5338" s="13">
        <v>5336</v>
      </c>
      <c r="B5338" s="10" t="s">
        <v>3153</v>
      </c>
      <c r="C5338" s="12" t="s">
        <v>3026</v>
      </c>
    </row>
    <row r="5339" spans="1:3" ht="24">
      <c r="A5339" s="13">
        <v>5337</v>
      </c>
      <c r="B5339" s="10" t="s">
        <v>3153</v>
      </c>
      <c r="C5339" s="12" t="s">
        <v>3026</v>
      </c>
    </row>
    <row r="5340" spans="1:3" ht="24">
      <c r="A5340" s="13">
        <v>5338</v>
      </c>
      <c r="B5340" s="10" t="s">
        <v>2447</v>
      </c>
      <c r="C5340" s="12" t="s">
        <v>3026</v>
      </c>
    </row>
    <row r="5341" spans="1:3" ht="24">
      <c r="A5341" s="10">
        <v>5339</v>
      </c>
      <c r="B5341" s="10" t="s">
        <v>2447</v>
      </c>
      <c r="C5341" s="12" t="s">
        <v>3026</v>
      </c>
    </row>
    <row r="5342" spans="1:3" ht="24">
      <c r="A5342" s="13">
        <v>5340</v>
      </c>
      <c r="B5342" s="10" t="s">
        <v>2447</v>
      </c>
      <c r="C5342" s="12" t="s">
        <v>3026</v>
      </c>
    </row>
    <row r="5343" spans="1:3" ht="24">
      <c r="A5343" s="13">
        <v>5341</v>
      </c>
      <c r="B5343" s="10" t="s">
        <v>2447</v>
      </c>
      <c r="C5343" s="12" t="s">
        <v>3026</v>
      </c>
    </row>
    <row r="5344" spans="1:3" ht="24">
      <c r="A5344" s="13">
        <v>5342</v>
      </c>
      <c r="B5344" s="10" t="s">
        <v>2447</v>
      </c>
      <c r="C5344" s="12" t="s">
        <v>3026</v>
      </c>
    </row>
    <row r="5345" spans="1:3" ht="24">
      <c r="A5345" s="10">
        <v>5343</v>
      </c>
      <c r="B5345" s="10" t="s">
        <v>2447</v>
      </c>
      <c r="C5345" s="12" t="s">
        <v>3026</v>
      </c>
    </row>
    <row r="5346" spans="1:3" ht="24">
      <c r="A5346" s="13">
        <v>5344</v>
      </c>
      <c r="B5346" s="10" t="s">
        <v>2447</v>
      </c>
      <c r="C5346" s="12" t="s">
        <v>3026</v>
      </c>
    </row>
    <row r="5347" spans="1:3" ht="24">
      <c r="A5347" s="13">
        <v>5345</v>
      </c>
      <c r="B5347" s="10" t="s">
        <v>3154</v>
      </c>
      <c r="C5347" s="12" t="s">
        <v>3026</v>
      </c>
    </row>
    <row r="5348" spans="1:3" ht="24">
      <c r="A5348" s="13">
        <v>5346</v>
      </c>
      <c r="B5348" s="10" t="s">
        <v>3154</v>
      </c>
      <c r="C5348" s="12" t="s">
        <v>3026</v>
      </c>
    </row>
    <row r="5349" spans="1:3" ht="24">
      <c r="A5349" s="10">
        <v>5347</v>
      </c>
      <c r="B5349" s="10" t="s">
        <v>3154</v>
      </c>
      <c r="C5349" s="12" t="s">
        <v>3026</v>
      </c>
    </row>
    <row r="5350" spans="1:3" ht="24">
      <c r="A5350" s="13">
        <v>5348</v>
      </c>
      <c r="B5350" s="10" t="s">
        <v>3154</v>
      </c>
      <c r="C5350" s="12" t="s">
        <v>3026</v>
      </c>
    </row>
    <row r="5351" spans="1:3" ht="24">
      <c r="A5351" s="13">
        <v>5349</v>
      </c>
      <c r="B5351" s="10" t="s">
        <v>3154</v>
      </c>
      <c r="C5351" s="12" t="s">
        <v>3026</v>
      </c>
    </row>
    <row r="5352" spans="1:3" ht="24">
      <c r="A5352" s="13">
        <v>5350</v>
      </c>
      <c r="B5352" s="10" t="s">
        <v>3154</v>
      </c>
      <c r="C5352" s="12" t="s">
        <v>3026</v>
      </c>
    </row>
    <row r="5353" spans="1:3" ht="24">
      <c r="A5353" s="10">
        <v>5351</v>
      </c>
      <c r="B5353" s="10" t="s">
        <v>3154</v>
      </c>
      <c r="C5353" s="12" t="s">
        <v>3026</v>
      </c>
    </row>
    <row r="5354" spans="1:3" ht="24">
      <c r="A5354" s="13">
        <v>5352</v>
      </c>
      <c r="B5354" s="10" t="s">
        <v>3154</v>
      </c>
      <c r="C5354" s="12" t="s">
        <v>3026</v>
      </c>
    </row>
    <row r="5355" spans="1:3" ht="24">
      <c r="A5355" s="13">
        <v>5353</v>
      </c>
      <c r="B5355" s="10" t="s">
        <v>3155</v>
      </c>
      <c r="C5355" s="12" t="s">
        <v>3026</v>
      </c>
    </row>
    <row r="5356" spans="1:3" ht="24">
      <c r="A5356" s="13">
        <v>5354</v>
      </c>
      <c r="B5356" s="10" t="s">
        <v>1401</v>
      </c>
      <c r="C5356" s="12" t="s">
        <v>3026</v>
      </c>
    </row>
    <row r="5357" spans="1:3" ht="24">
      <c r="A5357" s="10">
        <v>5355</v>
      </c>
      <c r="B5357" s="10" t="s">
        <v>1401</v>
      </c>
      <c r="C5357" s="12" t="s">
        <v>3026</v>
      </c>
    </row>
    <row r="5358" spans="1:3" ht="24">
      <c r="A5358" s="13">
        <v>5356</v>
      </c>
      <c r="B5358" s="10" t="s">
        <v>1210</v>
      </c>
      <c r="C5358" s="12" t="s">
        <v>3026</v>
      </c>
    </row>
    <row r="5359" spans="1:3" ht="24">
      <c r="A5359" s="13">
        <v>5357</v>
      </c>
      <c r="B5359" s="44" t="s">
        <v>3156</v>
      </c>
      <c r="C5359" s="12" t="s">
        <v>3026</v>
      </c>
    </row>
    <row r="5360" spans="1:3" ht="24">
      <c r="A5360" s="13">
        <v>5358</v>
      </c>
      <c r="B5360" s="10" t="s">
        <v>3157</v>
      </c>
      <c r="C5360" s="12" t="s">
        <v>3026</v>
      </c>
    </row>
    <row r="5361" spans="1:3" ht="24">
      <c r="A5361" s="10">
        <v>5359</v>
      </c>
      <c r="B5361" s="10" t="s">
        <v>910</v>
      </c>
      <c r="C5361" s="12" t="s">
        <v>3026</v>
      </c>
    </row>
    <row r="5362" spans="1:3" ht="24">
      <c r="A5362" s="13">
        <v>5360</v>
      </c>
      <c r="B5362" s="10" t="s">
        <v>3158</v>
      </c>
      <c r="C5362" s="12" t="s">
        <v>3026</v>
      </c>
    </row>
    <row r="5363" spans="1:3" ht="24">
      <c r="A5363" s="13">
        <v>5361</v>
      </c>
      <c r="B5363" s="10" t="s">
        <v>3159</v>
      </c>
      <c r="C5363" s="12" t="s">
        <v>3026</v>
      </c>
    </row>
    <row r="5364" spans="1:3" ht="24">
      <c r="A5364" s="13">
        <v>5362</v>
      </c>
      <c r="B5364" s="15" t="s">
        <v>3160</v>
      </c>
      <c r="C5364" s="12" t="s">
        <v>3026</v>
      </c>
    </row>
    <row r="5365" spans="1:3" ht="24">
      <c r="A5365" s="10">
        <v>5363</v>
      </c>
      <c r="B5365" s="26" t="s">
        <v>3161</v>
      </c>
      <c r="C5365" s="12" t="s">
        <v>3026</v>
      </c>
    </row>
    <row r="5366" spans="1:3" ht="31.5">
      <c r="A5366" s="13">
        <v>5364</v>
      </c>
      <c r="B5366" s="26" t="s">
        <v>981</v>
      </c>
      <c r="C5366" s="12" t="s">
        <v>3026</v>
      </c>
    </row>
    <row r="5367" spans="1:3" ht="31.5">
      <c r="A5367" s="13">
        <v>5365</v>
      </c>
      <c r="B5367" s="26" t="s">
        <v>3162</v>
      </c>
      <c r="C5367" s="12" t="s">
        <v>3026</v>
      </c>
    </row>
    <row r="5368" spans="1:3" ht="24">
      <c r="A5368" s="13">
        <v>5366</v>
      </c>
      <c r="B5368" s="10" t="s">
        <v>3163</v>
      </c>
      <c r="C5368" s="12" t="s">
        <v>3026</v>
      </c>
    </row>
    <row r="5369" spans="1:3" ht="31.5">
      <c r="A5369" s="10">
        <v>5367</v>
      </c>
      <c r="B5369" s="10" t="s">
        <v>3164</v>
      </c>
      <c r="C5369" s="12" t="s">
        <v>3026</v>
      </c>
    </row>
    <row r="5370" spans="1:3" ht="31.5">
      <c r="A5370" s="13">
        <v>5368</v>
      </c>
      <c r="B5370" s="10" t="s">
        <v>3165</v>
      </c>
      <c r="C5370" s="12" t="s">
        <v>3026</v>
      </c>
    </row>
    <row r="5371" spans="1:3" ht="31.5">
      <c r="A5371" s="13">
        <v>5369</v>
      </c>
      <c r="B5371" s="10" t="s">
        <v>3166</v>
      </c>
      <c r="C5371" s="12" t="s">
        <v>3026</v>
      </c>
    </row>
    <row r="5372" spans="1:3" ht="24">
      <c r="A5372" s="13">
        <v>5370</v>
      </c>
      <c r="B5372" s="10" t="s">
        <v>3167</v>
      </c>
      <c r="C5372" s="12" t="s">
        <v>3026</v>
      </c>
    </row>
    <row r="5373" spans="1:3" ht="24">
      <c r="A5373" s="10">
        <v>5371</v>
      </c>
      <c r="B5373" s="15" t="s">
        <v>3168</v>
      </c>
      <c r="C5373" s="12" t="s">
        <v>3026</v>
      </c>
    </row>
    <row r="5374" spans="1:3" ht="24">
      <c r="A5374" s="13">
        <v>5372</v>
      </c>
      <c r="B5374" s="10" t="s">
        <v>3169</v>
      </c>
      <c r="C5374" s="12" t="s">
        <v>3026</v>
      </c>
    </row>
    <row r="5375" spans="1:3" ht="24">
      <c r="A5375" s="13">
        <v>5373</v>
      </c>
      <c r="B5375" s="10" t="s">
        <v>3170</v>
      </c>
      <c r="C5375" s="12" t="s">
        <v>3026</v>
      </c>
    </row>
    <row r="5376" spans="1:3" ht="24">
      <c r="A5376" s="13">
        <v>5374</v>
      </c>
      <c r="B5376" s="16" t="s">
        <v>3171</v>
      </c>
      <c r="C5376" s="12" t="s">
        <v>3026</v>
      </c>
    </row>
    <row r="5377" spans="1:3" ht="24">
      <c r="A5377" s="10">
        <v>5375</v>
      </c>
      <c r="B5377" s="10" t="s">
        <v>3172</v>
      </c>
      <c r="C5377" s="12" t="s">
        <v>3026</v>
      </c>
    </row>
    <row r="5378" spans="1:3" ht="24">
      <c r="A5378" s="13">
        <v>5376</v>
      </c>
      <c r="B5378" s="10" t="s">
        <v>3173</v>
      </c>
      <c r="C5378" s="12" t="s">
        <v>3026</v>
      </c>
    </row>
    <row r="5379" spans="1:3" ht="24">
      <c r="A5379" s="13">
        <v>5377</v>
      </c>
      <c r="B5379" s="10" t="s">
        <v>3174</v>
      </c>
      <c r="C5379" s="12" t="s">
        <v>3026</v>
      </c>
    </row>
    <row r="5380" spans="1:3" ht="24">
      <c r="A5380" s="13">
        <v>5378</v>
      </c>
      <c r="B5380" s="10" t="s">
        <v>3175</v>
      </c>
      <c r="C5380" s="12" t="s">
        <v>3026</v>
      </c>
    </row>
    <row r="5381" spans="1:3" ht="24">
      <c r="A5381" s="10">
        <v>5379</v>
      </c>
      <c r="B5381" s="10" t="s">
        <v>3176</v>
      </c>
      <c r="C5381" s="12" t="s">
        <v>3026</v>
      </c>
    </row>
    <row r="5382" spans="1:3" ht="24">
      <c r="A5382" s="13">
        <v>5380</v>
      </c>
      <c r="B5382" s="10" t="s">
        <v>3177</v>
      </c>
      <c r="C5382" s="12" t="s">
        <v>3026</v>
      </c>
    </row>
    <row r="5383" spans="1:3" ht="24">
      <c r="A5383" s="13">
        <v>5381</v>
      </c>
      <c r="B5383" s="10" t="s">
        <v>3178</v>
      </c>
      <c r="C5383" s="12" t="s">
        <v>3026</v>
      </c>
    </row>
    <row r="5384" spans="1:3" ht="24">
      <c r="A5384" s="13">
        <v>5382</v>
      </c>
      <c r="B5384" s="10" t="s">
        <v>2486</v>
      </c>
      <c r="C5384" s="12" t="s">
        <v>3026</v>
      </c>
    </row>
    <row r="5385" spans="1:3" ht="24">
      <c r="A5385" s="10">
        <v>5383</v>
      </c>
      <c r="B5385" s="10" t="s">
        <v>3179</v>
      </c>
      <c r="C5385" s="12" t="s">
        <v>3026</v>
      </c>
    </row>
    <row r="5386" spans="1:3" ht="24">
      <c r="A5386" s="13">
        <v>5384</v>
      </c>
      <c r="B5386" s="10" t="s">
        <v>3180</v>
      </c>
      <c r="C5386" s="12" t="s">
        <v>3026</v>
      </c>
    </row>
    <row r="5387" spans="1:3" ht="24">
      <c r="A5387" s="13">
        <v>5385</v>
      </c>
      <c r="B5387" s="10" t="s">
        <v>3181</v>
      </c>
      <c r="C5387" s="12" t="s">
        <v>3026</v>
      </c>
    </row>
    <row r="5388" spans="1:3" ht="24">
      <c r="A5388" s="13">
        <v>5386</v>
      </c>
      <c r="B5388" s="10" t="s">
        <v>3182</v>
      </c>
      <c r="C5388" s="12" t="s">
        <v>3026</v>
      </c>
    </row>
    <row r="5389" spans="1:3" ht="24">
      <c r="A5389" s="10">
        <v>5387</v>
      </c>
      <c r="B5389" s="10" t="s">
        <v>3183</v>
      </c>
      <c r="C5389" s="12" t="s">
        <v>3026</v>
      </c>
    </row>
    <row r="5390" spans="1:3" ht="24">
      <c r="A5390" s="13">
        <v>5388</v>
      </c>
      <c r="B5390" s="10" t="s">
        <v>3184</v>
      </c>
      <c r="C5390" s="12" t="s">
        <v>3026</v>
      </c>
    </row>
    <row r="5391" spans="1:3" ht="24">
      <c r="A5391" s="13">
        <v>5389</v>
      </c>
      <c r="B5391" s="10" t="s">
        <v>2488</v>
      </c>
      <c r="C5391" s="12" t="s">
        <v>3026</v>
      </c>
    </row>
    <row r="5392" spans="1:3" ht="24">
      <c r="A5392" s="13">
        <v>5390</v>
      </c>
      <c r="B5392" s="10" t="s">
        <v>3185</v>
      </c>
      <c r="C5392" s="12" t="s">
        <v>3026</v>
      </c>
    </row>
    <row r="5393" spans="1:3" ht="24">
      <c r="A5393" s="10">
        <v>5391</v>
      </c>
      <c r="B5393" s="10" t="s">
        <v>3186</v>
      </c>
      <c r="C5393" s="12" t="s">
        <v>3026</v>
      </c>
    </row>
    <row r="5394" spans="1:3" ht="24">
      <c r="A5394" s="13">
        <v>5392</v>
      </c>
      <c r="B5394" s="10" t="s">
        <v>3187</v>
      </c>
      <c r="C5394" s="12" t="s">
        <v>3026</v>
      </c>
    </row>
    <row r="5395" spans="1:3" ht="24">
      <c r="A5395" s="13">
        <v>5393</v>
      </c>
      <c r="B5395" s="10" t="s">
        <v>3188</v>
      </c>
      <c r="C5395" s="12" t="s">
        <v>3026</v>
      </c>
    </row>
    <row r="5396" spans="1:3" ht="24">
      <c r="A5396" s="13">
        <v>5394</v>
      </c>
      <c r="B5396" s="10" t="s">
        <v>3007</v>
      </c>
      <c r="C5396" s="12" t="s">
        <v>3026</v>
      </c>
    </row>
    <row r="5397" spans="1:3" ht="24">
      <c r="A5397" s="10">
        <v>5395</v>
      </c>
      <c r="B5397" s="10" t="s">
        <v>3189</v>
      </c>
      <c r="C5397" s="12" t="s">
        <v>3026</v>
      </c>
    </row>
    <row r="5398" spans="1:3" ht="31.5">
      <c r="A5398" s="13">
        <v>5396</v>
      </c>
      <c r="B5398" s="10" t="s">
        <v>3190</v>
      </c>
      <c r="C5398" s="12" t="s">
        <v>3026</v>
      </c>
    </row>
    <row r="5399" spans="1:3" ht="24">
      <c r="A5399" s="13">
        <v>5397</v>
      </c>
      <c r="B5399" s="10" t="s">
        <v>2881</v>
      </c>
      <c r="C5399" s="12" t="s">
        <v>3026</v>
      </c>
    </row>
    <row r="5400" spans="1:3" ht="24">
      <c r="A5400" s="13">
        <v>5398</v>
      </c>
      <c r="B5400" s="10" t="s">
        <v>3191</v>
      </c>
      <c r="C5400" s="12" t="s">
        <v>3026</v>
      </c>
    </row>
    <row r="5401" spans="1:3" ht="24">
      <c r="A5401" s="10">
        <v>5399</v>
      </c>
      <c r="B5401" s="10" t="s">
        <v>3020</v>
      </c>
      <c r="C5401" s="12" t="s">
        <v>3026</v>
      </c>
    </row>
    <row r="5402" spans="1:3" ht="24">
      <c r="A5402" s="13">
        <v>5400</v>
      </c>
      <c r="B5402" s="10" t="s">
        <v>3192</v>
      </c>
      <c r="C5402" s="12" t="s">
        <v>3026</v>
      </c>
    </row>
    <row r="5403" spans="1:3" ht="24">
      <c r="A5403" s="13">
        <v>5401</v>
      </c>
      <c r="B5403" s="10" t="s">
        <v>3192</v>
      </c>
      <c r="C5403" s="12" t="s">
        <v>3026</v>
      </c>
    </row>
    <row r="5404" spans="1:3" ht="24">
      <c r="A5404" s="13">
        <v>5402</v>
      </c>
      <c r="B5404" s="10" t="s">
        <v>3192</v>
      </c>
      <c r="C5404" s="12" t="s">
        <v>3026</v>
      </c>
    </row>
    <row r="5405" spans="1:3" ht="24">
      <c r="A5405" s="10">
        <v>5403</v>
      </c>
      <c r="B5405" s="10" t="s">
        <v>3193</v>
      </c>
      <c r="C5405" s="12" t="s">
        <v>3026</v>
      </c>
    </row>
    <row r="5406" spans="1:3" ht="24">
      <c r="A5406" s="13">
        <v>5404</v>
      </c>
      <c r="B5406" s="10" t="s">
        <v>3194</v>
      </c>
      <c r="C5406" s="12" t="s">
        <v>3026</v>
      </c>
    </row>
    <row r="5407" spans="1:3" ht="24">
      <c r="A5407" s="13">
        <v>5405</v>
      </c>
      <c r="B5407" s="10" t="s">
        <v>3195</v>
      </c>
      <c r="C5407" s="12" t="s">
        <v>3026</v>
      </c>
    </row>
    <row r="5408" spans="1:3" ht="24">
      <c r="A5408" s="13">
        <v>5406</v>
      </c>
      <c r="B5408" s="10" t="s">
        <v>3008</v>
      </c>
      <c r="C5408" s="12" t="s">
        <v>3026</v>
      </c>
    </row>
    <row r="5409" spans="1:3" ht="24">
      <c r="A5409" s="10">
        <v>5407</v>
      </c>
      <c r="B5409" s="10" t="s">
        <v>3008</v>
      </c>
      <c r="C5409" s="12" t="s">
        <v>3026</v>
      </c>
    </row>
    <row r="5410" spans="1:3" ht="24">
      <c r="A5410" s="13">
        <v>5408</v>
      </c>
      <c r="B5410" s="10" t="s">
        <v>3008</v>
      </c>
      <c r="C5410" s="12" t="s">
        <v>3026</v>
      </c>
    </row>
    <row r="5411" spans="1:3" ht="24">
      <c r="A5411" s="13">
        <v>5409</v>
      </c>
      <c r="B5411" s="10" t="s">
        <v>3008</v>
      </c>
      <c r="C5411" s="12" t="s">
        <v>3026</v>
      </c>
    </row>
    <row r="5412" spans="1:3" ht="24">
      <c r="A5412" s="13">
        <v>5410</v>
      </c>
      <c r="B5412" s="10" t="s">
        <v>3008</v>
      </c>
      <c r="C5412" s="12" t="s">
        <v>3026</v>
      </c>
    </row>
    <row r="5413" spans="1:3" ht="24">
      <c r="A5413" s="10">
        <v>5411</v>
      </c>
      <c r="B5413" s="10" t="s">
        <v>3196</v>
      </c>
      <c r="C5413" s="12" t="s">
        <v>3026</v>
      </c>
    </row>
    <row r="5414" spans="1:3" ht="24">
      <c r="A5414" s="13">
        <v>5412</v>
      </c>
      <c r="B5414" s="10" t="s">
        <v>3196</v>
      </c>
      <c r="C5414" s="12" t="s">
        <v>3026</v>
      </c>
    </row>
    <row r="5415" spans="1:3" ht="24">
      <c r="A5415" s="13">
        <v>5413</v>
      </c>
      <c r="B5415" s="10" t="s">
        <v>3008</v>
      </c>
      <c r="C5415" s="12" t="s">
        <v>3026</v>
      </c>
    </row>
    <row r="5416" spans="1:3" ht="24">
      <c r="A5416" s="13">
        <v>5414</v>
      </c>
      <c r="B5416" s="10" t="s">
        <v>3197</v>
      </c>
      <c r="C5416" s="12" t="s">
        <v>3026</v>
      </c>
    </row>
    <row r="5417" spans="1:3" ht="24">
      <c r="A5417" s="10">
        <v>5415</v>
      </c>
      <c r="B5417" s="10" t="s">
        <v>3008</v>
      </c>
      <c r="C5417" s="12" t="s">
        <v>3026</v>
      </c>
    </row>
    <row r="5418" spans="1:3" ht="24">
      <c r="A5418" s="13">
        <v>5416</v>
      </c>
      <c r="B5418" s="10" t="s">
        <v>3198</v>
      </c>
      <c r="C5418" s="12" t="s">
        <v>3026</v>
      </c>
    </row>
    <row r="5419" spans="1:3" ht="24">
      <c r="A5419" s="13">
        <v>5417</v>
      </c>
      <c r="B5419" s="10" t="s">
        <v>3199</v>
      </c>
      <c r="C5419" s="12" t="s">
        <v>3026</v>
      </c>
    </row>
    <row r="5420" spans="1:3" ht="24">
      <c r="A5420" s="13">
        <v>5418</v>
      </c>
      <c r="B5420" s="10" t="s">
        <v>3200</v>
      </c>
      <c r="C5420" s="12" t="s">
        <v>3026</v>
      </c>
    </row>
    <row r="5421" spans="1:3" ht="24">
      <c r="A5421" s="10">
        <v>5419</v>
      </c>
      <c r="B5421" s="10" t="s">
        <v>3204</v>
      </c>
      <c r="C5421" s="12" t="s">
        <v>3026</v>
      </c>
    </row>
    <row r="5422" spans="1:3" ht="24">
      <c r="A5422" s="13">
        <v>5420</v>
      </c>
      <c r="B5422" s="10" t="s">
        <v>3205</v>
      </c>
      <c r="C5422" s="12" t="s">
        <v>3026</v>
      </c>
    </row>
    <row r="5423" spans="1:3" ht="24">
      <c r="A5423" s="13">
        <v>5421</v>
      </c>
      <c r="B5423" s="10" t="s">
        <v>3201</v>
      </c>
      <c r="C5423" s="12" t="s">
        <v>3026</v>
      </c>
    </row>
    <row r="5424" spans="1:3" ht="24">
      <c r="A5424" s="13">
        <v>5422</v>
      </c>
      <c r="B5424" s="10" t="s">
        <v>3201</v>
      </c>
      <c r="C5424" s="12" t="s">
        <v>3026</v>
      </c>
    </row>
    <row r="5425" spans="1:3" ht="24">
      <c r="A5425" s="10">
        <v>5423</v>
      </c>
      <c r="B5425" s="10" t="s">
        <v>3206</v>
      </c>
      <c r="C5425" s="12" t="s">
        <v>3026</v>
      </c>
    </row>
    <row r="5426" spans="1:3" ht="24">
      <c r="A5426" s="13">
        <v>5424</v>
      </c>
      <c r="B5426" s="10" t="s">
        <v>3201</v>
      </c>
      <c r="C5426" s="12" t="s">
        <v>3026</v>
      </c>
    </row>
    <row r="5427" spans="1:3" ht="24">
      <c r="A5427" s="13">
        <v>5425</v>
      </c>
      <c r="B5427" s="10" t="s">
        <v>3203</v>
      </c>
      <c r="C5427" s="12" t="s">
        <v>3026</v>
      </c>
    </row>
    <row r="5428" spans="1:3" ht="24">
      <c r="A5428" s="13">
        <v>5426</v>
      </c>
      <c r="B5428" s="10" t="s">
        <v>3202</v>
      </c>
      <c r="C5428" s="12" t="s">
        <v>3026</v>
      </c>
    </row>
    <row r="5429" spans="1:3" ht="31.5">
      <c r="A5429" s="10">
        <v>5427</v>
      </c>
      <c r="B5429" s="10" t="s">
        <v>3207</v>
      </c>
      <c r="C5429" s="12" t="s">
        <v>3026</v>
      </c>
    </row>
    <row r="5430" spans="1:3" ht="24">
      <c r="A5430" s="13">
        <v>5428</v>
      </c>
      <c r="B5430" s="10" t="s">
        <v>3208</v>
      </c>
      <c r="C5430" s="12" t="s">
        <v>3026</v>
      </c>
    </row>
    <row r="5431" spans="1:3" ht="24">
      <c r="A5431" s="13">
        <v>5429</v>
      </c>
      <c r="B5431" s="10" t="s">
        <v>3209</v>
      </c>
      <c r="C5431" s="12" t="s">
        <v>3026</v>
      </c>
    </row>
    <row r="5432" spans="1:3" ht="24">
      <c r="A5432" s="13">
        <v>5430</v>
      </c>
      <c r="B5432" s="10" t="s">
        <v>3210</v>
      </c>
      <c r="C5432" s="12" t="s">
        <v>3026</v>
      </c>
    </row>
    <row r="5433" spans="1:3" ht="24">
      <c r="A5433" s="10">
        <v>5431</v>
      </c>
      <c r="B5433" s="10" t="s">
        <v>3211</v>
      </c>
      <c r="C5433" s="12" t="s">
        <v>3026</v>
      </c>
    </row>
    <row r="5434" spans="1:3" ht="24">
      <c r="A5434" s="13">
        <v>5432</v>
      </c>
      <c r="B5434" s="10" t="s">
        <v>3212</v>
      </c>
      <c r="C5434" s="12" t="s">
        <v>3026</v>
      </c>
    </row>
    <row r="5435" spans="1:3" ht="31.5">
      <c r="A5435" s="13">
        <v>5433</v>
      </c>
      <c r="B5435" s="10" t="s">
        <v>3213</v>
      </c>
      <c r="C5435" s="12" t="s">
        <v>3026</v>
      </c>
    </row>
    <row r="5436" spans="1:3" ht="24">
      <c r="A5436" s="13">
        <v>5434</v>
      </c>
      <c r="B5436" s="10" t="s">
        <v>3214</v>
      </c>
      <c r="C5436" s="12" t="s">
        <v>3026</v>
      </c>
    </row>
    <row r="5437" spans="1:3" ht="24">
      <c r="A5437" s="10">
        <v>5435</v>
      </c>
      <c r="B5437" s="10" t="s">
        <v>3215</v>
      </c>
      <c r="C5437" s="12" t="s">
        <v>3026</v>
      </c>
    </row>
    <row r="5438" spans="1:3" ht="24">
      <c r="A5438" s="13">
        <v>5436</v>
      </c>
      <c r="B5438" s="10" t="s">
        <v>3216</v>
      </c>
      <c r="C5438" s="12" t="s">
        <v>3026</v>
      </c>
    </row>
    <row r="5439" spans="1:3" ht="24">
      <c r="A5439" s="13">
        <v>5437</v>
      </c>
      <c r="B5439" s="10" t="s">
        <v>3217</v>
      </c>
      <c r="C5439" s="12" t="s">
        <v>3026</v>
      </c>
    </row>
    <row r="5440" spans="1:3" ht="24">
      <c r="A5440" s="13">
        <v>5438</v>
      </c>
      <c r="B5440" s="10" t="s">
        <v>3218</v>
      </c>
      <c r="C5440" s="12" t="s">
        <v>3026</v>
      </c>
    </row>
    <row r="5441" spans="1:3" ht="24">
      <c r="A5441" s="10">
        <v>5439</v>
      </c>
      <c r="B5441" s="10" t="s">
        <v>3219</v>
      </c>
      <c r="C5441" s="12" t="s">
        <v>3026</v>
      </c>
    </row>
    <row r="5442" spans="1:3" ht="24">
      <c r="A5442" s="13">
        <v>5440</v>
      </c>
      <c r="B5442" s="10" t="s">
        <v>3220</v>
      </c>
      <c r="C5442" s="12" t="s">
        <v>3026</v>
      </c>
    </row>
    <row r="5443" spans="1:3" ht="24">
      <c r="A5443" s="13">
        <v>5441</v>
      </c>
      <c r="B5443" s="10" t="s">
        <v>3221</v>
      </c>
      <c r="C5443" s="12" t="s">
        <v>3026</v>
      </c>
    </row>
    <row r="5444" spans="1:3" ht="24">
      <c r="A5444" s="13">
        <v>5442</v>
      </c>
      <c r="B5444" s="10" t="s">
        <v>3222</v>
      </c>
      <c r="C5444" s="12" t="s">
        <v>3026</v>
      </c>
    </row>
    <row r="5445" spans="1:3" ht="24">
      <c r="A5445" s="10">
        <v>5443</v>
      </c>
      <c r="B5445" s="10" t="s">
        <v>3226</v>
      </c>
      <c r="C5445" s="12" t="s">
        <v>3026</v>
      </c>
    </row>
    <row r="5446" spans="1:3" ht="24">
      <c r="A5446" s="13">
        <v>5444</v>
      </c>
      <c r="B5446" s="10" t="s">
        <v>3227</v>
      </c>
      <c r="C5446" s="12" t="s">
        <v>3026</v>
      </c>
    </row>
    <row r="5447" spans="1:3" ht="24">
      <c r="A5447" s="13">
        <v>5445</v>
      </c>
      <c r="B5447" s="10" t="s">
        <v>3225</v>
      </c>
      <c r="C5447" s="12" t="s">
        <v>3026</v>
      </c>
    </row>
    <row r="5448" spans="1:3" ht="24">
      <c r="A5448" s="13">
        <v>5446</v>
      </c>
      <c r="B5448" s="10" t="s">
        <v>3229</v>
      </c>
      <c r="C5448" s="12" t="s">
        <v>3026</v>
      </c>
    </row>
    <row r="5449" spans="1:3" ht="24">
      <c r="A5449" s="10">
        <v>5447</v>
      </c>
      <c r="B5449" s="10" t="s">
        <v>3225</v>
      </c>
      <c r="C5449" s="12" t="s">
        <v>3026</v>
      </c>
    </row>
    <row r="5450" spans="1:3" ht="24">
      <c r="A5450" s="13">
        <v>5448</v>
      </c>
      <c r="B5450" s="10" t="s">
        <v>3230</v>
      </c>
      <c r="C5450" s="12" t="s">
        <v>3026</v>
      </c>
    </row>
    <row r="5451" spans="1:3" ht="24">
      <c r="A5451" s="13">
        <v>5449</v>
      </c>
      <c r="B5451" s="10" t="s">
        <v>3228</v>
      </c>
      <c r="C5451" s="12" t="s">
        <v>3026</v>
      </c>
    </row>
    <row r="5452" spans="1:3" ht="24">
      <c r="A5452" s="13">
        <v>5450</v>
      </c>
      <c r="B5452" s="10" t="s">
        <v>3231</v>
      </c>
      <c r="C5452" s="12" t="s">
        <v>3026</v>
      </c>
    </row>
    <row r="5453" spans="1:3" ht="24">
      <c r="A5453" s="10">
        <v>5451</v>
      </c>
      <c r="B5453" s="10" t="s">
        <v>3232</v>
      </c>
      <c r="C5453" s="12" t="s">
        <v>3026</v>
      </c>
    </row>
    <row r="5454" spans="1:3" ht="24">
      <c r="A5454" s="13">
        <v>5452</v>
      </c>
      <c r="B5454" s="10" t="s">
        <v>3224</v>
      </c>
      <c r="C5454" s="12" t="s">
        <v>3026</v>
      </c>
    </row>
    <row r="5455" spans="1:3" ht="24">
      <c r="A5455" s="13">
        <v>5453</v>
      </c>
      <c r="B5455" s="10" t="s">
        <v>3223</v>
      </c>
      <c r="C5455" s="12" t="s">
        <v>3026</v>
      </c>
    </row>
    <row r="5456" spans="1:3" ht="24">
      <c r="A5456" s="13">
        <v>5454</v>
      </c>
      <c r="B5456" s="10" t="s">
        <v>3233</v>
      </c>
      <c r="C5456" s="12" t="s">
        <v>3026</v>
      </c>
    </row>
    <row r="5457" spans="1:3" ht="24">
      <c r="A5457" s="10">
        <v>5455</v>
      </c>
      <c r="B5457" s="10" t="s">
        <v>3234</v>
      </c>
      <c r="C5457" s="12" t="s">
        <v>3026</v>
      </c>
    </row>
    <row r="5458" spans="1:3" ht="24">
      <c r="A5458" s="13">
        <v>5456</v>
      </c>
      <c r="B5458" s="10" t="s">
        <v>3235</v>
      </c>
      <c r="C5458" s="12" t="s">
        <v>3026</v>
      </c>
    </row>
    <row r="5459" spans="1:3" ht="24">
      <c r="A5459" s="13">
        <v>5457</v>
      </c>
      <c r="B5459" s="10" t="s">
        <v>3236</v>
      </c>
      <c r="C5459" s="12" t="s">
        <v>3026</v>
      </c>
    </row>
    <row r="5460" spans="1:3" ht="24">
      <c r="A5460" s="13">
        <v>5458</v>
      </c>
      <c r="B5460" s="10" t="s">
        <v>3237</v>
      </c>
      <c r="C5460" s="12" t="s">
        <v>3026</v>
      </c>
    </row>
    <row r="5461" spans="1:3" ht="24">
      <c r="A5461" s="10">
        <v>5459</v>
      </c>
      <c r="B5461" s="10" t="s">
        <v>3238</v>
      </c>
      <c r="C5461" s="12" t="s">
        <v>3026</v>
      </c>
    </row>
    <row r="5462" spans="1:3" ht="24">
      <c r="A5462" s="13">
        <v>5460</v>
      </c>
      <c r="B5462" s="10" t="s">
        <v>3239</v>
      </c>
      <c r="C5462" s="12" t="s">
        <v>3026</v>
      </c>
    </row>
    <row r="5463" spans="1:3" ht="24">
      <c r="A5463" s="13">
        <v>5461</v>
      </c>
      <c r="B5463" s="10" t="s">
        <v>3240</v>
      </c>
      <c r="C5463" s="12" t="s">
        <v>3026</v>
      </c>
    </row>
    <row r="5464" spans="1:3" ht="24">
      <c r="A5464" s="13">
        <v>5462</v>
      </c>
      <c r="B5464" s="10" t="s">
        <v>3241</v>
      </c>
      <c r="C5464" s="12" t="s">
        <v>3026</v>
      </c>
    </row>
    <row r="5465" spans="1:3" ht="24">
      <c r="A5465" s="10">
        <v>5463</v>
      </c>
      <c r="B5465" s="10" t="s">
        <v>2548</v>
      </c>
      <c r="C5465" s="12" t="s">
        <v>3026</v>
      </c>
    </row>
    <row r="5466" spans="1:3" ht="24">
      <c r="A5466" s="13">
        <v>5464</v>
      </c>
      <c r="B5466" s="10" t="s">
        <v>2779</v>
      </c>
      <c r="C5466" s="12" t="s">
        <v>3026</v>
      </c>
    </row>
    <row r="5467" spans="1:3" ht="24">
      <c r="A5467" s="13">
        <v>5465</v>
      </c>
      <c r="B5467" s="11" t="s">
        <v>3242</v>
      </c>
      <c r="C5467" s="12" t="s">
        <v>3026</v>
      </c>
    </row>
    <row r="5468" spans="1:3" ht="24">
      <c r="A5468" s="13">
        <v>5466</v>
      </c>
      <c r="B5468" s="11" t="s">
        <v>3243</v>
      </c>
      <c r="C5468" s="12" t="s">
        <v>3026</v>
      </c>
    </row>
    <row r="5469" spans="1:3" ht="24">
      <c r="A5469" s="10">
        <v>5467</v>
      </c>
      <c r="B5469" s="11" t="s">
        <v>3244</v>
      </c>
      <c r="C5469" s="12" t="s">
        <v>3026</v>
      </c>
    </row>
    <row r="5470" spans="1:3" ht="24">
      <c r="A5470" s="13">
        <v>5468</v>
      </c>
      <c r="B5470" s="11" t="s">
        <v>2885</v>
      </c>
      <c r="C5470" s="12" t="s">
        <v>3026</v>
      </c>
    </row>
    <row r="5471" spans="1:3" ht="24">
      <c r="A5471" s="13">
        <v>5469</v>
      </c>
      <c r="B5471" s="10" t="s">
        <v>3245</v>
      </c>
      <c r="C5471" s="12" t="s">
        <v>3026</v>
      </c>
    </row>
    <row r="5472" spans="1:3" ht="24">
      <c r="A5472" s="13">
        <v>5470</v>
      </c>
      <c r="B5472" s="11" t="s">
        <v>1329</v>
      </c>
      <c r="C5472" s="12" t="s">
        <v>3026</v>
      </c>
    </row>
    <row r="5473" spans="1:3" ht="24">
      <c r="A5473" s="10">
        <v>5471</v>
      </c>
      <c r="B5473" s="11" t="s">
        <v>2268</v>
      </c>
      <c r="C5473" s="12" t="s">
        <v>3026</v>
      </c>
    </row>
    <row r="5474" spans="1:3" ht="24">
      <c r="A5474" s="13">
        <v>5472</v>
      </c>
      <c r="B5474" s="11" t="s">
        <v>3246</v>
      </c>
      <c r="C5474" s="12" t="s">
        <v>3026</v>
      </c>
    </row>
    <row r="5475" spans="1:3" ht="24">
      <c r="A5475" s="13">
        <v>5473</v>
      </c>
      <c r="B5475" s="11" t="s">
        <v>3247</v>
      </c>
      <c r="C5475" s="12" t="s">
        <v>3026</v>
      </c>
    </row>
    <row r="5476" spans="1:3" ht="24">
      <c r="A5476" s="13">
        <v>5474</v>
      </c>
      <c r="B5476" s="11" t="s">
        <v>3248</v>
      </c>
      <c r="C5476" s="12" t="s">
        <v>3026</v>
      </c>
    </row>
    <row r="5477" spans="1:3" ht="24">
      <c r="A5477" s="10">
        <v>5475</v>
      </c>
      <c r="B5477" s="11" t="s">
        <v>2257</v>
      </c>
      <c r="C5477" s="12" t="s">
        <v>3026</v>
      </c>
    </row>
    <row r="5478" spans="1:3" ht="24">
      <c r="A5478" s="13">
        <v>5476</v>
      </c>
      <c r="B5478" s="11" t="s">
        <v>3011</v>
      </c>
      <c r="C5478" s="12" t="s">
        <v>3026</v>
      </c>
    </row>
    <row r="5479" spans="1:3" ht="24">
      <c r="A5479" s="13">
        <v>5477</v>
      </c>
      <c r="B5479" s="11" t="s">
        <v>3249</v>
      </c>
      <c r="C5479" s="12" t="s">
        <v>3026</v>
      </c>
    </row>
    <row r="5480" spans="1:3" ht="24">
      <c r="A5480" s="13">
        <v>5478</v>
      </c>
      <c r="B5480" s="11" t="s">
        <v>3250</v>
      </c>
      <c r="C5480" s="12" t="s">
        <v>3026</v>
      </c>
    </row>
    <row r="5481" spans="1:3" ht="15.75">
      <c r="A5481" s="10">
        <v>5479</v>
      </c>
      <c r="B5481" s="10" t="s">
        <v>1429</v>
      </c>
      <c r="C5481" s="12" t="s">
        <v>3251</v>
      </c>
    </row>
    <row r="5482" spans="1:3" ht="15.75">
      <c r="A5482" s="13">
        <v>5480</v>
      </c>
      <c r="B5482" s="10" t="s">
        <v>1429</v>
      </c>
      <c r="C5482" s="12" t="s">
        <v>3251</v>
      </c>
    </row>
    <row r="5483" spans="1:3" ht="15.75">
      <c r="A5483" s="13">
        <v>5481</v>
      </c>
      <c r="B5483" s="10" t="s">
        <v>1377</v>
      </c>
      <c r="C5483" s="12" t="s">
        <v>3251</v>
      </c>
    </row>
    <row r="5484" spans="1:3" ht="15.75">
      <c r="A5484" s="13">
        <v>5482</v>
      </c>
      <c r="B5484" s="10" t="s">
        <v>3253</v>
      </c>
      <c r="C5484" s="12" t="s">
        <v>3251</v>
      </c>
    </row>
    <row r="5485" spans="1:3" ht="15.75">
      <c r="A5485" s="10">
        <v>5483</v>
      </c>
      <c r="B5485" s="10" t="s">
        <v>3254</v>
      </c>
      <c r="C5485" s="12" t="s">
        <v>3251</v>
      </c>
    </row>
    <row r="5486" spans="1:3" ht="15.75">
      <c r="A5486" s="13">
        <v>5484</v>
      </c>
      <c r="B5486" s="10" t="s">
        <v>3255</v>
      </c>
      <c r="C5486" s="12" t="s">
        <v>3251</v>
      </c>
    </row>
    <row r="5487" spans="1:3" ht="15.75">
      <c r="A5487" s="13">
        <v>5485</v>
      </c>
      <c r="B5487" s="10" t="s">
        <v>183</v>
      </c>
      <c r="C5487" s="12" t="s">
        <v>3251</v>
      </c>
    </row>
    <row r="5488" spans="1:3" ht="15.75">
      <c r="A5488" s="13">
        <v>5486</v>
      </c>
      <c r="B5488" s="10" t="s">
        <v>3256</v>
      </c>
      <c r="C5488" s="12" t="s">
        <v>3251</v>
      </c>
    </row>
    <row r="5489" spans="1:3" ht="15.75">
      <c r="A5489" s="10">
        <v>5487</v>
      </c>
      <c r="B5489" s="10" t="s">
        <v>367</v>
      </c>
      <c r="C5489" s="12" t="s">
        <v>3251</v>
      </c>
    </row>
    <row r="5490" spans="1:3" ht="15.75">
      <c r="A5490" s="13">
        <v>5488</v>
      </c>
      <c r="B5490" s="10" t="s">
        <v>2576</v>
      </c>
      <c r="C5490" s="12" t="s">
        <v>3251</v>
      </c>
    </row>
    <row r="5491" spans="1:3" ht="15.75">
      <c r="A5491" s="13">
        <v>5489</v>
      </c>
      <c r="B5491" s="10" t="s">
        <v>1729</v>
      </c>
      <c r="C5491" s="12" t="s">
        <v>3251</v>
      </c>
    </row>
    <row r="5492" spans="1:3" ht="15.75">
      <c r="A5492" s="13">
        <v>5490</v>
      </c>
      <c r="B5492" s="10" t="s">
        <v>1729</v>
      </c>
      <c r="C5492" s="12" t="s">
        <v>3251</v>
      </c>
    </row>
    <row r="5493" spans="1:3" ht="15.75">
      <c r="A5493" s="10">
        <v>5491</v>
      </c>
      <c r="B5493" s="10" t="s">
        <v>3257</v>
      </c>
      <c r="C5493" s="12" t="s">
        <v>3251</v>
      </c>
    </row>
    <row r="5494" spans="1:3" ht="15.75">
      <c r="A5494" s="13">
        <v>5492</v>
      </c>
      <c r="B5494" s="10" t="s">
        <v>3258</v>
      </c>
      <c r="C5494" s="12" t="s">
        <v>3251</v>
      </c>
    </row>
    <row r="5495" spans="1:3" ht="15.75">
      <c r="A5495" s="13">
        <v>5493</v>
      </c>
      <c r="B5495" s="10" t="s">
        <v>3259</v>
      </c>
      <c r="C5495" s="12" t="s">
        <v>3251</v>
      </c>
    </row>
    <row r="5496" spans="1:3" ht="15.75">
      <c r="A5496" s="13">
        <v>5494</v>
      </c>
      <c r="B5496" s="10" t="s">
        <v>3260</v>
      </c>
      <c r="C5496" s="12" t="s">
        <v>3251</v>
      </c>
    </row>
    <row r="5497" spans="1:3" ht="15.75">
      <c r="A5497" s="10">
        <v>5495</v>
      </c>
      <c r="B5497" s="10" t="s">
        <v>3261</v>
      </c>
      <c r="C5497" s="12" t="s">
        <v>3251</v>
      </c>
    </row>
    <row r="5498" spans="1:3" ht="15.75">
      <c r="A5498" s="13">
        <v>5496</v>
      </c>
      <c r="B5498" s="20" t="s">
        <v>3262</v>
      </c>
      <c r="C5498" s="12" t="s">
        <v>3251</v>
      </c>
    </row>
    <row r="5499" spans="1:3" ht="15.75">
      <c r="A5499" s="13">
        <v>5497</v>
      </c>
      <c r="B5499" s="17" t="s">
        <v>3263</v>
      </c>
      <c r="C5499" s="12" t="s">
        <v>3251</v>
      </c>
    </row>
    <row r="5500" spans="1:3" ht="15.75">
      <c r="A5500" s="13">
        <v>5498</v>
      </c>
      <c r="B5500" s="10" t="s">
        <v>1518</v>
      </c>
      <c r="C5500" s="12" t="s">
        <v>3251</v>
      </c>
    </row>
    <row r="5501" spans="1:3" ht="15.75">
      <c r="A5501" s="10">
        <v>5499</v>
      </c>
      <c r="B5501" s="10" t="s">
        <v>3264</v>
      </c>
      <c r="C5501" s="12" t="s">
        <v>3251</v>
      </c>
    </row>
    <row r="5502" spans="1:3" ht="15.75">
      <c r="A5502" s="13">
        <v>5500</v>
      </c>
      <c r="B5502" s="10" t="s">
        <v>3265</v>
      </c>
      <c r="C5502" s="12" t="s">
        <v>3251</v>
      </c>
    </row>
    <row r="5503" spans="1:3" ht="15.75">
      <c r="A5503" s="13">
        <v>5501</v>
      </c>
      <c r="B5503" s="10" t="s">
        <v>3266</v>
      </c>
      <c r="C5503" s="12" t="s">
        <v>3251</v>
      </c>
    </row>
    <row r="5504" spans="1:3" ht="15.75">
      <c r="A5504" s="13">
        <v>5502</v>
      </c>
      <c r="B5504" s="10" t="s">
        <v>3267</v>
      </c>
      <c r="C5504" s="12" t="s">
        <v>3251</v>
      </c>
    </row>
    <row r="5505" spans="1:3" ht="15.75">
      <c r="A5505" s="10">
        <v>5503</v>
      </c>
      <c r="B5505" s="10" t="s">
        <v>3268</v>
      </c>
      <c r="C5505" s="12" t="s">
        <v>3251</v>
      </c>
    </row>
    <row r="5506" spans="1:3" ht="15.75">
      <c r="A5506" s="13">
        <v>5504</v>
      </c>
      <c r="B5506" s="10" t="s">
        <v>3269</v>
      </c>
      <c r="C5506" s="12" t="s">
        <v>3251</v>
      </c>
    </row>
    <row r="5507" spans="1:3" ht="15.75">
      <c r="A5507" s="13">
        <v>5505</v>
      </c>
      <c r="B5507" s="10" t="s">
        <v>2645</v>
      </c>
      <c r="C5507" s="12" t="s">
        <v>3251</v>
      </c>
    </row>
    <row r="5508" spans="1:3" ht="15.75">
      <c r="A5508" s="13">
        <v>5506</v>
      </c>
      <c r="B5508" s="15" t="s">
        <v>740</v>
      </c>
      <c r="C5508" s="12" t="s">
        <v>3251</v>
      </c>
    </row>
    <row r="5509" spans="1:3" ht="15.75">
      <c r="A5509" s="10">
        <v>5507</v>
      </c>
      <c r="B5509" s="10" t="s">
        <v>3270</v>
      </c>
      <c r="C5509" s="12" t="s">
        <v>3251</v>
      </c>
    </row>
    <row r="5510" spans="1:3" ht="15.75">
      <c r="A5510" s="13">
        <v>5508</v>
      </c>
      <c r="B5510" s="15" t="s">
        <v>3271</v>
      </c>
      <c r="C5510" s="12" t="s">
        <v>3251</v>
      </c>
    </row>
    <row r="5511" spans="1:3" ht="15.75">
      <c r="A5511" s="13">
        <v>5509</v>
      </c>
      <c r="B5511" s="10" t="s">
        <v>331</v>
      </c>
      <c r="C5511" s="12" t="s">
        <v>3251</v>
      </c>
    </row>
    <row r="5512" spans="1:3" ht="15.75">
      <c r="A5512" s="13">
        <v>5510</v>
      </c>
      <c r="B5512" s="10" t="s">
        <v>3272</v>
      </c>
      <c r="C5512" s="12" t="s">
        <v>3251</v>
      </c>
    </row>
    <row r="5513" spans="1:3" ht="15.75">
      <c r="A5513" s="10">
        <v>5511</v>
      </c>
      <c r="B5513" s="10" t="s">
        <v>3273</v>
      </c>
      <c r="C5513" s="12" t="s">
        <v>3251</v>
      </c>
    </row>
    <row r="5514" spans="1:3" ht="15.75">
      <c r="A5514" s="13">
        <v>5512</v>
      </c>
      <c r="B5514" s="10" t="s">
        <v>3274</v>
      </c>
      <c r="C5514" s="12" t="s">
        <v>3251</v>
      </c>
    </row>
    <row r="5515" spans="1:3" ht="15.75">
      <c r="A5515" s="13">
        <v>5513</v>
      </c>
      <c r="B5515" s="17" t="s">
        <v>3275</v>
      </c>
      <c r="C5515" s="12" t="s">
        <v>3251</v>
      </c>
    </row>
    <row r="5516" spans="1:3" ht="15.75">
      <c r="A5516" s="13">
        <v>5514</v>
      </c>
      <c r="B5516" s="10" t="s">
        <v>1419</v>
      </c>
      <c r="C5516" s="12" t="s">
        <v>3251</v>
      </c>
    </row>
    <row r="5517" spans="1:3" ht="15.75">
      <c r="A5517" s="10">
        <v>5515</v>
      </c>
      <c r="B5517" s="10" t="s">
        <v>3276</v>
      </c>
      <c r="C5517" s="12" t="s">
        <v>3251</v>
      </c>
    </row>
    <row r="5518" spans="1:3" ht="24">
      <c r="A5518" s="13">
        <v>5516</v>
      </c>
      <c r="B5518" s="10" t="s">
        <v>3277</v>
      </c>
      <c r="C5518" s="12" t="s">
        <v>3278</v>
      </c>
    </row>
    <row r="5519" spans="1:3" ht="31.5">
      <c r="A5519" s="13">
        <v>5517</v>
      </c>
      <c r="B5519" s="10" t="s">
        <v>3279</v>
      </c>
      <c r="C5519" s="12" t="s">
        <v>3278</v>
      </c>
    </row>
    <row r="5520" spans="1:3" ht="31.5">
      <c r="A5520" s="13">
        <v>5518</v>
      </c>
      <c r="B5520" s="10" t="s">
        <v>3279</v>
      </c>
      <c r="C5520" s="12" t="s">
        <v>3278</v>
      </c>
    </row>
    <row r="5521" spans="1:3" ht="31.5">
      <c r="A5521" s="10">
        <v>5519</v>
      </c>
      <c r="B5521" s="10" t="s">
        <v>3280</v>
      </c>
      <c r="C5521" s="12" t="s">
        <v>3278</v>
      </c>
    </row>
    <row r="5522" spans="1:3" ht="24">
      <c r="A5522" s="13">
        <v>5520</v>
      </c>
      <c r="B5522" s="10" t="s">
        <v>3281</v>
      </c>
      <c r="C5522" s="12" t="s">
        <v>3278</v>
      </c>
    </row>
    <row r="5523" spans="1:3" ht="31.5">
      <c r="A5523" s="13">
        <v>5521</v>
      </c>
      <c r="B5523" s="10" t="s">
        <v>3282</v>
      </c>
      <c r="C5523" s="12" t="s">
        <v>3278</v>
      </c>
    </row>
    <row r="5524" spans="1:3" ht="31.5">
      <c r="A5524" s="13">
        <v>5522</v>
      </c>
      <c r="B5524" s="10" t="s">
        <v>3282</v>
      </c>
      <c r="C5524" s="12" t="s">
        <v>3278</v>
      </c>
    </row>
    <row r="5525" spans="1:3" ht="24">
      <c r="A5525" s="10">
        <v>5523</v>
      </c>
      <c r="B5525" s="10" t="s">
        <v>3283</v>
      </c>
      <c r="C5525" s="12" t="s">
        <v>3278</v>
      </c>
    </row>
    <row r="5526" spans="1:3" ht="24">
      <c r="A5526" s="13">
        <v>5524</v>
      </c>
      <c r="B5526" s="10" t="s">
        <v>3283</v>
      </c>
      <c r="C5526" s="12" t="s">
        <v>3278</v>
      </c>
    </row>
    <row r="5527" spans="1:3" ht="24">
      <c r="A5527" s="13">
        <v>5525</v>
      </c>
      <c r="B5527" s="10" t="s">
        <v>3284</v>
      </c>
      <c r="C5527" s="12" t="s">
        <v>3278</v>
      </c>
    </row>
    <row r="5528" spans="1:3" ht="24">
      <c r="A5528" s="13">
        <v>5526</v>
      </c>
      <c r="B5528" s="10" t="s">
        <v>3284</v>
      </c>
      <c r="C5528" s="12" t="s">
        <v>3278</v>
      </c>
    </row>
    <row r="5529" spans="1:3" ht="24">
      <c r="A5529" s="10">
        <v>5527</v>
      </c>
      <c r="B5529" s="10" t="s">
        <v>3285</v>
      </c>
      <c r="C5529" s="12" t="s">
        <v>3278</v>
      </c>
    </row>
    <row r="5530" spans="1:3" ht="31.5">
      <c r="A5530" s="13">
        <v>5528</v>
      </c>
      <c r="B5530" s="10" t="s">
        <v>3286</v>
      </c>
      <c r="C5530" s="12" t="s">
        <v>3278</v>
      </c>
    </row>
    <row r="5531" spans="1:3" ht="24">
      <c r="A5531" s="13">
        <v>5529</v>
      </c>
      <c r="B5531" s="10" t="s">
        <v>3287</v>
      </c>
      <c r="C5531" s="12" t="s">
        <v>3278</v>
      </c>
    </row>
    <row r="5532" spans="1:3" ht="24">
      <c r="A5532" s="13">
        <v>5530</v>
      </c>
      <c r="B5532" s="10" t="s">
        <v>3288</v>
      </c>
      <c r="C5532" s="12" t="s">
        <v>3278</v>
      </c>
    </row>
    <row r="5533" spans="1:3" ht="24">
      <c r="A5533" s="10">
        <v>5531</v>
      </c>
      <c r="B5533" s="10" t="s">
        <v>3289</v>
      </c>
      <c r="C5533" s="12" t="s">
        <v>3278</v>
      </c>
    </row>
    <row r="5534" spans="1:3" ht="24">
      <c r="A5534" s="13">
        <v>5532</v>
      </c>
      <c r="B5534" s="10" t="s">
        <v>3290</v>
      </c>
      <c r="C5534" s="12" t="s">
        <v>3278</v>
      </c>
    </row>
    <row r="5535" spans="1:3" ht="24">
      <c r="A5535" s="13">
        <v>5533</v>
      </c>
      <c r="B5535" s="10" t="s">
        <v>3289</v>
      </c>
      <c r="C5535" s="12" t="s">
        <v>3278</v>
      </c>
    </row>
    <row r="5536" spans="1:3" ht="24">
      <c r="A5536" s="13">
        <v>5534</v>
      </c>
      <c r="B5536" s="10" t="s">
        <v>3291</v>
      </c>
      <c r="C5536" s="12" t="s">
        <v>3278</v>
      </c>
    </row>
    <row r="5537" spans="1:3" ht="24">
      <c r="A5537" s="10">
        <v>5535</v>
      </c>
      <c r="B5537" s="10" t="s">
        <v>3292</v>
      </c>
      <c r="C5537" s="12" t="s">
        <v>3278</v>
      </c>
    </row>
    <row r="5538" spans="1:3" ht="63">
      <c r="A5538" s="13">
        <v>5536</v>
      </c>
      <c r="B5538" s="10" t="s">
        <v>3293</v>
      </c>
      <c r="C5538" s="12" t="s">
        <v>3278</v>
      </c>
    </row>
    <row r="5539" spans="1:3" ht="31.5">
      <c r="A5539" s="13">
        <v>5537</v>
      </c>
      <c r="B5539" s="10" t="s">
        <v>3294</v>
      </c>
      <c r="C5539" s="12" t="s">
        <v>3278</v>
      </c>
    </row>
    <row r="5540" spans="1:3" ht="24">
      <c r="A5540" s="13">
        <v>5538</v>
      </c>
      <c r="B5540" s="10" t="s">
        <v>3295</v>
      </c>
      <c r="C5540" s="12" t="s">
        <v>3278</v>
      </c>
    </row>
    <row r="5541" spans="1:3" ht="63">
      <c r="A5541" s="10">
        <v>5539</v>
      </c>
      <c r="B5541" s="10" t="s">
        <v>3296</v>
      </c>
      <c r="C5541" s="12" t="s">
        <v>3278</v>
      </c>
    </row>
    <row r="5542" spans="1:3" ht="24">
      <c r="A5542" s="13">
        <v>5540</v>
      </c>
      <c r="B5542" s="10" t="s">
        <v>3297</v>
      </c>
      <c r="C5542" s="12" t="s">
        <v>3278</v>
      </c>
    </row>
    <row r="5543" spans="1:3" ht="24">
      <c r="A5543" s="13">
        <v>5541</v>
      </c>
      <c r="B5543" s="10" t="s">
        <v>3297</v>
      </c>
      <c r="C5543" s="12" t="s">
        <v>3278</v>
      </c>
    </row>
    <row r="5544" spans="1:3" ht="24">
      <c r="A5544" s="13">
        <v>5542</v>
      </c>
      <c r="B5544" s="10" t="s">
        <v>3298</v>
      </c>
      <c r="C5544" s="12" t="s">
        <v>3278</v>
      </c>
    </row>
    <row r="5545" spans="1:3" ht="31.5">
      <c r="A5545" s="10">
        <v>5543</v>
      </c>
      <c r="B5545" s="10" t="s">
        <v>3299</v>
      </c>
      <c r="C5545" s="12" t="s">
        <v>3278</v>
      </c>
    </row>
    <row r="5546" spans="1:3" ht="24">
      <c r="A5546" s="13">
        <v>5544</v>
      </c>
      <c r="B5546" s="10" t="s">
        <v>82</v>
      </c>
      <c r="C5546" s="12" t="s">
        <v>3278</v>
      </c>
    </row>
    <row r="5547" spans="1:3" ht="24">
      <c r="A5547" s="13">
        <v>5545</v>
      </c>
      <c r="B5547" s="10" t="s">
        <v>82</v>
      </c>
      <c r="C5547" s="12" t="s">
        <v>3278</v>
      </c>
    </row>
    <row r="5548" spans="1:3" ht="24">
      <c r="A5548" s="13">
        <v>5546</v>
      </c>
      <c r="B5548" s="10" t="s">
        <v>82</v>
      </c>
      <c r="C5548" s="12" t="s">
        <v>3278</v>
      </c>
    </row>
    <row r="5549" spans="1:3" ht="24">
      <c r="A5549" s="10">
        <v>5547</v>
      </c>
      <c r="B5549" s="10" t="s">
        <v>82</v>
      </c>
      <c r="C5549" s="12" t="s">
        <v>3278</v>
      </c>
    </row>
    <row r="5550" spans="1:3" ht="24">
      <c r="A5550" s="13">
        <v>5548</v>
      </c>
      <c r="B5550" s="10" t="s">
        <v>82</v>
      </c>
      <c r="C5550" s="12" t="s">
        <v>3278</v>
      </c>
    </row>
    <row r="5551" spans="1:3" ht="31.5">
      <c r="A5551" s="13">
        <v>5549</v>
      </c>
      <c r="B5551" s="10" t="s">
        <v>3300</v>
      </c>
      <c r="C5551" s="12" t="s">
        <v>3278</v>
      </c>
    </row>
    <row r="5552" spans="1:3" ht="31.5">
      <c r="A5552" s="13">
        <v>5550</v>
      </c>
      <c r="B5552" s="10" t="s">
        <v>3300</v>
      </c>
      <c r="C5552" s="12" t="s">
        <v>3278</v>
      </c>
    </row>
    <row r="5553" spans="1:3" ht="24">
      <c r="A5553" s="10">
        <v>5551</v>
      </c>
      <c r="B5553" s="10" t="s">
        <v>3301</v>
      </c>
      <c r="C5553" s="12" t="s">
        <v>3278</v>
      </c>
    </row>
    <row r="5554" spans="1:3" ht="24">
      <c r="A5554" s="13">
        <v>5552</v>
      </c>
      <c r="B5554" s="10" t="s">
        <v>3302</v>
      </c>
      <c r="C5554" s="12" t="s">
        <v>3278</v>
      </c>
    </row>
    <row r="5555" spans="1:3" ht="24">
      <c r="A5555" s="13">
        <v>5553</v>
      </c>
      <c r="B5555" s="10" t="s">
        <v>3302</v>
      </c>
      <c r="C5555" s="12" t="s">
        <v>3278</v>
      </c>
    </row>
    <row r="5556" spans="1:3" ht="24">
      <c r="A5556" s="13">
        <v>5554</v>
      </c>
      <c r="B5556" s="10" t="s">
        <v>3303</v>
      </c>
      <c r="C5556" s="12" t="s">
        <v>3278</v>
      </c>
    </row>
    <row r="5557" spans="1:3" ht="24">
      <c r="A5557" s="10">
        <v>5555</v>
      </c>
      <c r="B5557" s="10" t="s">
        <v>494</v>
      </c>
      <c r="C5557" s="12" t="s">
        <v>3278</v>
      </c>
    </row>
    <row r="5558" spans="1:3" ht="24">
      <c r="A5558" s="13">
        <v>5556</v>
      </c>
      <c r="B5558" s="10" t="s">
        <v>3304</v>
      </c>
      <c r="C5558" s="12" t="s">
        <v>3278</v>
      </c>
    </row>
    <row r="5559" spans="1:3" ht="31.5">
      <c r="A5559" s="13">
        <v>5557</v>
      </c>
      <c r="B5559" s="10" t="s">
        <v>3305</v>
      </c>
      <c r="C5559" s="12" t="s">
        <v>3278</v>
      </c>
    </row>
    <row r="5560" spans="1:3" ht="24">
      <c r="A5560" s="13">
        <v>5558</v>
      </c>
      <c r="B5560" s="10" t="s">
        <v>3306</v>
      </c>
      <c r="C5560" s="12" t="s">
        <v>3278</v>
      </c>
    </row>
    <row r="5561" spans="1:3" ht="24">
      <c r="A5561" s="10">
        <v>5559</v>
      </c>
      <c r="B5561" s="10" t="s">
        <v>3307</v>
      </c>
      <c r="C5561" s="12" t="s">
        <v>3278</v>
      </c>
    </row>
    <row r="5562" spans="1:3" ht="24">
      <c r="A5562" s="13">
        <v>5560</v>
      </c>
      <c r="B5562" s="10" t="s">
        <v>3304</v>
      </c>
      <c r="C5562" s="12" t="s">
        <v>3278</v>
      </c>
    </row>
    <row r="5563" spans="1:3" ht="24">
      <c r="A5563" s="13">
        <v>5561</v>
      </c>
      <c r="B5563" s="10" t="s">
        <v>3308</v>
      </c>
      <c r="C5563" s="12" t="s">
        <v>3278</v>
      </c>
    </row>
    <row r="5564" spans="1:3" ht="24">
      <c r="A5564" s="13">
        <v>5562</v>
      </c>
      <c r="B5564" s="10" t="s">
        <v>3308</v>
      </c>
      <c r="C5564" s="12" t="s">
        <v>3278</v>
      </c>
    </row>
    <row r="5565" spans="1:3" ht="31.5">
      <c r="A5565" s="10">
        <v>5563</v>
      </c>
      <c r="B5565" s="10" t="s">
        <v>3309</v>
      </c>
      <c r="C5565" s="12" t="s">
        <v>3278</v>
      </c>
    </row>
    <row r="5566" spans="1:3" ht="24">
      <c r="A5566" s="13">
        <v>5564</v>
      </c>
      <c r="B5566" s="10" t="s">
        <v>3310</v>
      </c>
      <c r="C5566" s="12" t="s">
        <v>3278</v>
      </c>
    </row>
    <row r="5567" spans="1:3" ht="24">
      <c r="A5567" s="13">
        <v>5565</v>
      </c>
      <c r="B5567" s="10" t="s">
        <v>3310</v>
      </c>
      <c r="C5567" s="12" t="s">
        <v>3278</v>
      </c>
    </row>
    <row r="5568" spans="1:3" ht="24">
      <c r="A5568" s="13">
        <v>5566</v>
      </c>
      <c r="B5568" s="10" t="s">
        <v>3310</v>
      </c>
      <c r="C5568" s="12" t="s">
        <v>3278</v>
      </c>
    </row>
    <row r="5569" spans="1:3" ht="24">
      <c r="A5569" s="10">
        <v>5567</v>
      </c>
      <c r="B5569" s="10" t="s">
        <v>3311</v>
      </c>
      <c r="C5569" s="12" t="s">
        <v>3278</v>
      </c>
    </row>
    <row r="5570" spans="1:3" ht="31.5">
      <c r="A5570" s="13">
        <v>5568</v>
      </c>
      <c r="B5570" s="21" t="s">
        <v>3312</v>
      </c>
      <c r="C5570" s="12" t="s">
        <v>3278</v>
      </c>
    </row>
    <row r="5571" spans="1:3" ht="31.5">
      <c r="A5571" s="13">
        <v>5569</v>
      </c>
      <c r="B5571" s="21" t="s">
        <v>3313</v>
      </c>
      <c r="C5571" s="12" t="s">
        <v>3278</v>
      </c>
    </row>
    <row r="5572" spans="1:3" ht="24">
      <c r="A5572" s="13">
        <v>5570</v>
      </c>
      <c r="B5572" s="21" t="s">
        <v>3314</v>
      </c>
      <c r="C5572" s="12" t="s">
        <v>3278</v>
      </c>
    </row>
    <row r="5573" spans="1:3" ht="24">
      <c r="A5573" s="10">
        <v>5571</v>
      </c>
      <c r="B5573" s="21" t="s">
        <v>3315</v>
      </c>
      <c r="C5573" s="12" t="s">
        <v>3278</v>
      </c>
    </row>
    <row r="5574" spans="1:3" ht="31.5">
      <c r="A5574" s="13">
        <v>5572</v>
      </c>
      <c r="B5574" s="18" t="s">
        <v>3316</v>
      </c>
      <c r="C5574" s="12" t="s">
        <v>3278</v>
      </c>
    </row>
    <row r="5575" spans="1:3" ht="24">
      <c r="A5575" s="13">
        <v>5573</v>
      </c>
      <c r="B5575" s="10" t="s">
        <v>3317</v>
      </c>
      <c r="C5575" s="12" t="s">
        <v>3278</v>
      </c>
    </row>
    <row r="5576" spans="1:3" ht="24">
      <c r="A5576" s="13">
        <v>5574</v>
      </c>
      <c r="B5576" s="10" t="s">
        <v>3318</v>
      </c>
      <c r="C5576" s="12" t="s">
        <v>3278</v>
      </c>
    </row>
    <row r="5577" spans="1:3" ht="24">
      <c r="A5577" s="10">
        <v>5575</v>
      </c>
      <c r="B5577" s="15" t="s">
        <v>3319</v>
      </c>
      <c r="C5577" s="12" t="s">
        <v>3278</v>
      </c>
    </row>
    <row r="5578" spans="1:3" ht="24">
      <c r="A5578" s="13">
        <v>5576</v>
      </c>
      <c r="B5578" s="10" t="s">
        <v>3320</v>
      </c>
      <c r="C5578" s="12" t="s">
        <v>3278</v>
      </c>
    </row>
    <row r="5579" spans="1:3" ht="24">
      <c r="A5579" s="13">
        <v>5577</v>
      </c>
      <c r="B5579" s="10" t="s">
        <v>3320</v>
      </c>
      <c r="C5579" s="12" t="s">
        <v>3278</v>
      </c>
    </row>
    <row r="5580" spans="1:3" ht="31.5">
      <c r="A5580" s="13">
        <v>5578</v>
      </c>
      <c r="B5580" s="10" t="s">
        <v>3321</v>
      </c>
      <c r="C5580" s="12" t="s">
        <v>3278</v>
      </c>
    </row>
    <row r="5581" spans="1:3" ht="31.5">
      <c r="A5581" s="10">
        <v>5579</v>
      </c>
      <c r="B5581" s="16" t="s">
        <v>3322</v>
      </c>
      <c r="C5581" s="12" t="s">
        <v>3278</v>
      </c>
    </row>
    <row r="5582" spans="1:3" ht="24">
      <c r="A5582" s="13">
        <v>5580</v>
      </c>
      <c r="B5582" s="10" t="s">
        <v>3323</v>
      </c>
      <c r="C5582" s="12" t="s">
        <v>3278</v>
      </c>
    </row>
    <row r="5583" spans="1:3" ht="24">
      <c r="A5583" s="13">
        <v>5581</v>
      </c>
      <c r="B5583" s="10" t="s">
        <v>3324</v>
      </c>
      <c r="C5583" s="12" t="s">
        <v>3278</v>
      </c>
    </row>
    <row r="5584" spans="1:3" ht="31.5">
      <c r="A5584" s="13">
        <v>5582</v>
      </c>
      <c r="B5584" s="10" t="s">
        <v>3325</v>
      </c>
      <c r="C5584" s="12" t="s">
        <v>3278</v>
      </c>
    </row>
    <row r="5585" spans="1:3" ht="24">
      <c r="A5585" s="10">
        <v>5583</v>
      </c>
      <c r="B5585" s="10" t="s">
        <v>3326</v>
      </c>
      <c r="C5585" s="12" t="s">
        <v>3278</v>
      </c>
    </row>
    <row r="5586" spans="1:3" ht="24">
      <c r="A5586" s="13">
        <v>5584</v>
      </c>
      <c r="B5586" s="10" t="s">
        <v>3327</v>
      </c>
      <c r="C5586" s="12" t="s">
        <v>3278</v>
      </c>
    </row>
    <row r="5587" spans="1:3" ht="31.5">
      <c r="A5587" s="13">
        <v>5585</v>
      </c>
      <c r="B5587" s="10" t="s">
        <v>3328</v>
      </c>
      <c r="C5587" s="12" t="s">
        <v>3278</v>
      </c>
    </row>
    <row r="5588" spans="1:3" ht="24">
      <c r="A5588" s="13">
        <v>5586</v>
      </c>
      <c r="B5588" s="10" t="s">
        <v>3329</v>
      </c>
      <c r="C5588" s="12" t="s">
        <v>3278</v>
      </c>
    </row>
    <row r="5589" spans="1:3" ht="24">
      <c r="A5589" s="10">
        <v>5587</v>
      </c>
      <c r="B5589" s="10" t="s">
        <v>3330</v>
      </c>
      <c r="C5589" s="12" t="s">
        <v>3278</v>
      </c>
    </row>
    <row r="5590" spans="1:3" ht="24">
      <c r="A5590" s="13">
        <v>5588</v>
      </c>
      <c r="B5590" s="10" t="s">
        <v>3331</v>
      </c>
      <c r="C5590" s="12" t="s">
        <v>3278</v>
      </c>
    </row>
    <row r="5591" spans="1:3" ht="24">
      <c r="A5591" s="13">
        <v>5589</v>
      </c>
      <c r="B5591" s="10" t="s">
        <v>1387</v>
      </c>
      <c r="C5591" s="12" t="s">
        <v>3278</v>
      </c>
    </row>
    <row r="5592" spans="1:3" ht="24">
      <c r="A5592" s="13">
        <v>5590</v>
      </c>
      <c r="B5592" s="10" t="s">
        <v>3332</v>
      </c>
      <c r="C5592" s="12" t="s">
        <v>3278</v>
      </c>
    </row>
    <row r="5593" spans="1:3" ht="24">
      <c r="A5593" s="10">
        <v>5591</v>
      </c>
      <c r="B5593" s="10" t="s">
        <v>3333</v>
      </c>
      <c r="C5593" s="12" t="s">
        <v>3278</v>
      </c>
    </row>
    <row r="5594" spans="1:3" ht="31.5">
      <c r="A5594" s="13">
        <v>5592</v>
      </c>
      <c r="B5594" s="10" t="s">
        <v>3334</v>
      </c>
      <c r="C5594" s="12" t="s">
        <v>3278</v>
      </c>
    </row>
    <row r="5595" spans="1:3" ht="24">
      <c r="A5595" s="13">
        <v>5593</v>
      </c>
      <c r="B5595" s="10" t="s">
        <v>3335</v>
      </c>
      <c r="C5595" s="12" t="s">
        <v>3278</v>
      </c>
    </row>
    <row r="5596" spans="1:3" ht="24">
      <c r="A5596" s="13">
        <v>5594</v>
      </c>
      <c r="B5596" s="10" t="s">
        <v>3336</v>
      </c>
      <c r="C5596" s="12" t="s">
        <v>3278</v>
      </c>
    </row>
    <row r="5597" spans="1:3" ht="24">
      <c r="A5597" s="10">
        <v>5595</v>
      </c>
      <c r="B5597" s="10" t="s">
        <v>3337</v>
      </c>
      <c r="C5597" s="12" t="s">
        <v>3278</v>
      </c>
    </row>
    <row r="5598" spans="1:3" ht="31.5">
      <c r="A5598" s="13">
        <v>5596</v>
      </c>
      <c r="B5598" s="10" t="s">
        <v>3338</v>
      </c>
      <c r="C5598" s="12" t="s">
        <v>3278</v>
      </c>
    </row>
    <row r="5599" spans="1:3" ht="31.5">
      <c r="A5599" s="13">
        <v>5597</v>
      </c>
      <c r="B5599" s="10" t="s">
        <v>3338</v>
      </c>
      <c r="C5599" s="12" t="s">
        <v>3278</v>
      </c>
    </row>
    <row r="5600" spans="1:3" ht="24">
      <c r="A5600" s="13">
        <v>5598</v>
      </c>
      <c r="B5600" s="10" t="s">
        <v>1742</v>
      </c>
      <c r="C5600" s="12" t="s">
        <v>3278</v>
      </c>
    </row>
    <row r="5601" spans="1:3" ht="24">
      <c r="A5601" s="10">
        <v>5599</v>
      </c>
      <c r="B5601" s="10" t="s">
        <v>1742</v>
      </c>
      <c r="C5601" s="12" t="s">
        <v>3278</v>
      </c>
    </row>
    <row r="5602" spans="1:3" ht="24">
      <c r="A5602" s="13">
        <v>5600</v>
      </c>
      <c r="B5602" s="10" t="s">
        <v>1742</v>
      </c>
      <c r="C5602" s="12" t="s">
        <v>3278</v>
      </c>
    </row>
    <row r="5603" spans="1:3" ht="24">
      <c r="A5603" s="13">
        <v>5601</v>
      </c>
      <c r="B5603" s="10" t="s">
        <v>3339</v>
      </c>
      <c r="C5603" s="12" t="s">
        <v>3278</v>
      </c>
    </row>
    <row r="5604" spans="1:3" ht="24">
      <c r="A5604" s="13">
        <v>5602</v>
      </c>
      <c r="B5604" s="10" t="s">
        <v>3339</v>
      </c>
      <c r="C5604" s="12" t="s">
        <v>3278</v>
      </c>
    </row>
    <row r="5605" spans="1:3" ht="24">
      <c r="A5605" s="10">
        <v>5603</v>
      </c>
      <c r="B5605" s="10" t="s">
        <v>3339</v>
      </c>
      <c r="C5605" s="12" t="s">
        <v>3278</v>
      </c>
    </row>
    <row r="5606" spans="1:3" ht="24">
      <c r="A5606" s="13">
        <v>5604</v>
      </c>
      <c r="B5606" s="10" t="s">
        <v>3339</v>
      </c>
      <c r="C5606" s="12" t="s">
        <v>3278</v>
      </c>
    </row>
    <row r="5607" spans="1:3" ht="24">
      <c r="A5607" s="13">
        <v>5605</v>
      </c>
      <c r="B5607" s="10" t="s">
        <v>3339</v>
      </c>
      <c r="C5607" s="12" t="s">
        <v>3278</v>
      </c>
    </row>
    <row r="5608" spans="1:3" ht="47.25">
      <c r="A5608" s="13">
        <v>5606</v>
      </c>
      <c r="B5608" s="10" t="s">
        <v>3340</v>
      </c>
      <c r="C5608" s="12" t="s">
        <v>3278</v>
      </c>
    </row>
    <row r="5609" spans="1:3" ht="47.25">
      <c r="A5609" s="10">
        <v>5607</v>
      </c>
      <c r="B5609" s="10" t="s">
        <v>3340</v>
      </c>
      <c r="C5609" s="12" t="s">
        <v>3278</v>
      </c>
    </row>
    <row r="5610" spans="1:3" ht="47.25">
      <c r="A5610" s="13">
        <v>5608</v>
      </c>
      <c r="B5610" s="10" t="s">
        <v>3340</v>
      </c>
      <c r="C5610" s="12" t="s">
        <v>3278</v>
      </c>
    </row>
    <row r="5611" spans="1:3" ht="31.5">
      <c r="A5611" s="13">
        <v>5609</v>
      </c>
      <c r="B5611" s="10" t="s">
        <v>3341</v>
      </c>
      <c r="C5611" s="12" t="s">
        <v>3278</v>
      </c>
    </row>
    <row r="5612" spans="1:3" ht="24">
      <c r="A5612" s="13">
        <v>5610</v>
      </c>
      <c r="B5612" s="10" t="s">
        <v>3342</v>
      </c>
      <c r="C5612" s="12" t="s">
        <v>3278</v>
      </c>
    </row>
    <row r="5613" spans="1:3" ht="31.5">
      <c r="A5613" s="10">
        <v>5611</v>
      </c>
      <c r="B5613" s="10" t="s">
        <v>3343</v>
      </c>
      <c r="C5613" s="12" t="s">
        <v>3278</v>
      </c>
    </row>
    <row r="5614" spans="1:3" ht="24">
      <c r="A5614" s="13">
        <v>5612</v>
      </c>
      <c r="B5614" s="10" t="s">
        <v>3344</v>
      </c>
      <c r="C5614" s="12" t="s">
        <v>3278</v>
      </c>
    </row>
    <row r="5615" spans="1:3" ht="24">
      <c r="A5615" s="13">
        <v>5613</v>
      </c>
      <c r="B5615" s="10" t="s">
        <v>3345</v>
      </c>
      <c r="C5615" s="12" t="s">
        <v>3278</v>
      </c>
    </row>
    <row r="5616" spans="1:3" ht="24">
      <c r="A5616" s="13">
        <v>5614</v>
      </c>
      <c r="B5616" s="10" t="s">
        <v>3346</v>
      </c>
      <c r="C5616" s="12" t="s">
        <v>3278</v>
      </c>
    </row>
    <row r="5617" spans="1:3" ht="31.5">
      <c r="A5617" s="10">
        <v>5615</v>
      </c>
      <c r="B5617" s="10" t="s">
        <v>3347</v>
      </c>
      <c r="C5617" s="12" t="s">
        <v>3278</v>
      </c>
    </row>
    <row r="5618" spans="1:3" ht="24">
      <c r="A5618" s="13">
        <v>5616</v>
      </c>
      <c r="B5618" s="10" t="s">
        <v>3348</v>
      </c>
      <c r="C5618" s="12" t="s">
        <v>3278</v>
      </c>
    </row>
    <row r="5619" spans="1:3" ht="31.5">
      <c r="A5619" s="13">
        <v>5617</v>
      </c>
      <c r="B5619" s="10" t="s">
        <v>3349</v>
      </c>
      <c r="C5619" s="12" t="s">
        <v>3278</v>
      </c>
    </row>
    <row r="5620" spans="1:3" ht="24">
      <c r="A5620" s="13">
        <v>5618</v>
      </c>
      <c r="B5620" s="10" t="s">
        <v>3350</v>
      </c>
      <c r="C5620" s="12" t="s">
        <v>3278</v>
      </c>
    </row>
    <row r="5621" spans="1:3" ht="24">
      <c r="A5621" s="10">
        <v>5619</v>
      </c>
      <c r="B5621" s="10" t="s">
        <v>3351</v>
      </c>
      <c r="C5621" s="12" t="s">
        <v>3278</v>
      </c>
    </row>
    <row r="5622" spans="1:3" ht="24">
      <c r="A5622" s="13">
        <v>5620</v>
      </c>
      <c r="B5622" s="10" t="s">
        <v>322</v>
      </c>
      <c r="C5622" s="12" t="s">
        <v>3278</v>
      </c>
    </row>
    <row r="5623" spans="1:3" ht="31.5">
      <c r="A5623" s="13">
        <v>5621</v>
      </c>
      <c r="B5623" s="10" t="s">
        <v>3352</v>
      </c>
      <c r="C5623" s="12" t="s">
        <v>3278</v>
      </c>
    </row>
    <row r="5624" spans="1:3" ht="31.5">
      <c r="A5624" s="13">
        <v>5622</v>
      </c>
      <c r="B5624" s="10" t="s">
        <v>3352</v>
      </c>
      <c r="C5624" s="12" t="s">
        <v>3278</v>
      </c>
    </row>
    <row r="5625" spans="1:3" ht="31.5">
      <c r="A5625" s="10">
        <v>5623</v>
      </c>
      <c r="B5625" s="10" t="s">
        <v>3352</v>
      </c>
      <c r="C5625" s="12" t="s">
        <v>3278</v>
      </c>
    </row>
    <row r="5626" spans="1:3" ht="31.5">
      <c r="A5626" s="13">
        <v>5624</v>
      </c>
      <c r="B5626" s="10" t="s">
        <v>3353</v>
      </c>
      <c r="C5626" s="12" t="s">
        <v>3278</v>
      </c>
    </row>
    <row r="5627" spans="1:3" ht="24">
      <c r="A5627" s="13">
        <v>5625</v>
      </c>
      <c r="B5627" s="10" t="s">
        <v>3354</v>
      </c>
      <c r="C5627" s="12" t="s">
        <v>3278</v>
      </c>
    </row>
    <row r="5628" spans="1:3" ht="24">
      <c r="A5628" s="13">
        <v>5626</v>
      </c>
      <c r="B5628" s="10" t="s">
        <v>3355</v>
      </c>
      <c r="C5628" s="12" t="s">
        <v>3278</v>
      </c>
    </row>
    <row r="5629" spans="1:3" ht="24">
      <c r="A5629" s="10">
        <v>5627</v>
      </c>
      <c r="B5629" s="10" t="s">
        <v>3355</v>
      </c>
      <c r="C5629" s="12" t="s">
        <v>3278</v>
      </c>
    </row>
    <row r="5630" spans="1:3" ht="24">
      <c r="A5630" s="13">
        <v>5628</v>
      </c>
      <c r="B5630" s="10" t="s">
        <v>3355</v>
      </c>
      <c r="C5630" s="12" t="s">
        <v>3278</v>
      </c>
    </row>
    <row r="5631" spans="1:3" ht="24">
      <c r="A5631" s="13">
        <v>5629</v>
      </c>
      <c r="B5631" s="15" t="s">
        <v>3356</v>
      </c>
      <c r="C5631" s="12" t="s">
        <v>3278</v>
      </c>
    </row>
    <row r="5632" spans="1:3" ht="24">
      <c r="A5632" s="13">
        <v>5630</v>
      </c>
      <c r="B5632" s="10" t="s">
        <v>90</v>
      </c>
      <c r="C5632" s="12" t="s">
        <v>3278</v>
      </c>
    </row>
    <row r="5633" spans="1:3" ht="24">
      <c r="A5633" s="10">
        <v>5631</v>
      </c>
      <c r="B5633" s="15" t="s">
        <v>90</v>
      </c>
      <c r="C5633" s="12" t="s">
        <v>3278</v>
      </c>
    </row>
    <row r="5634" spans="1:3" ht="24">
      <c r="A5634" s="13">
        <v>5632</v>
      </c>
      <c r="B5634" s="10" t="s">
        <v>3357</v>
      </c>
      <c r="C5634" s="12" t="s">
        <v>3278</v>
      </c>
    </row>
    <row r="5635" spans="1:3" ht="24">
      <c r="A5635" s="13">
        <v>5633</v>
      </c>
      <c r="B5635" s="10" t="s">
        <v>3357</v>
      </c>
      <c r="C5635" s="12" t="s">
        <v>3278</v>
      </c>
    </row>
    <row r="5636" spans="1:3" ht="24">
      <c r="A5636" s="13">
        <v>5634</v>
      </c>
      <c r="B5636" s="10" t="s">
        <v>3357</v>
      </c>
      <c r="C5636" s="12" t="s">
        <v>3278</v>
      </c>
    </row>
    <row r="5637" spans="1:3" ht="24">
      <c r="A5637" s="10">
        <v>5635</v>
      </c>
      <c r="B5637" s="10" t="s">
        <v>3358</v>
      </c>
      <c r="C5637" s="12" t="s">
        <v>3359</v>
      </c>
    </row>
    <row r="5638" spans="1:3" ht="24">
      <c r="A5638" s="13">
        <v>5636</v>
      </c>
      <c r="B5638" s="10" t="s">
        <v>3252</v>
      </c>
      <c r="C5638" s="12" t="s">
        <v>3359</v>
      </c>
    </row>
    <row r="5639" spans="1:3" ht="24">
      <c r="A5639" s="13">
        <v>5637</v>
      </c>
      <c r="B5639" s="10" t="s">
        <v>3360</v>
      </c>
      <c r="C5639" s="12" t="s">
        <v>3359</v>
      </c>
    </row>
    <row r="5640" spans="1:3" ht="24">
      <c r="A5640" s="13">
        <v>5638</v>
      </c>
      <c r="B5640" s="10" t="s">
        <v>3362</v>
      </c>
      <c r="C5640" s="12" t="s">
        <v>3359</v>
      </c>
    </row>
    <row r="5641" spans="1:3" ht="24">
      <c r="A5641" s="10">
        <v>5639</v>
      </c>
      <c r="B5641" s="10" t="s">
        <v>3363</v>
      </c>
      <c r="C5641" s="12" t="s">
        <v>3359</v>
      </c>
    </row>
    <row r="5642" spans="1:3" ht="24">
      <c r="A5642" s="13">
        <v>5640</v>
      </c>
      <c r="B5642" s="10" t="s">
        <v>3364</v>
      </c>
      <c r="C5642" s="12" t="s">
        <v>3359</v>
      </c>
    </row>
    <row r="5643" spans="1:3" ht="24">
      <c r="A5643" s="13">
        <v>5641</v>
      </c>
      <c r="B5643" s="10" t="s">
        <v>3365</v>
      </c>
      <c r="C5643" s="12" t="s">
        <v>3359</v>
      </c>
    </row>
    <row r="5644" spans="1:3" ht="24">
      <c r="A5644" s="13">
        <v>5642</v>
      </c>
      <c r="B5644" s="10" t="s">
        <v>3366</v>
      </c>
      <c r="C5644" s="12" t="s">
        <v>3359</v>
      </c>
    </row>
    <row r="5645" spans="1:3" ht="24">
      <c r="A5645" s="10">
        <v>5643</v>
      </c>
      <c r="B5645" s="10" t="s">
        <v>3367</v>
      </c>
      <c r="C5645" s="12" t="s">
        <v>3359</v>
      </c>
    </row>
    <row r="5646" spans="1:3" ht="24">
      <c r="A5646" s="13">
        <v>5644</v>
      </c>
      <c r="B5646" s="10" t="s">
        <v>3368</v>
      </c>
      <c r="C5646" s="12" t="s">
        <v>3359</v>
      </c>
    </row>
    <row r="5647" spans="1:3" ht="24">
      <c r="A5647" s="13">
        <v>5645</v>
      </c>
      <c r="B5647" s="10" t="s">
        <v>1192</v>
      </c>
      <c r="C5647" s="12" t="s">
        <v>3359</v>
      </c>
    </row>
    <row r="5648" spans="1:3" ht="24">
      <c r="A5648" s="13">
        <v>5646</v>
      </c>
      <c r="B5648" s="10" t="s">
        <v>34</v>
      </c>
      <c r="C5648" s="12" t="s">
        <v>3359</v>
      </c>
    </row>
    <row r="5649" spans="1:3" ht="24">
      <c r="A5649" s="10">
        <v>5647</v>
      </c>
      <c r="B5649" s="10" t="s">
        <v>3369</v>
      </c>
      <c r="C5649" s="12" t="s">
        <v>3359</v>
      </c>
    </row>
    <row r="5650" spans="1:3" ht="24">
      <c r="A5650" s="13">
        <v>5648</v>
      </c>
      <c r="B5650" s="10" t="s">
        <v>1377</v>
      </c>
      <c r="C5650" s="12" t="s">
        <v>3359</v>
      </c>
    </row>
    <row r="5651" spans="1:3" ht="24">
      <c r="A5651" s="13">
        <v>5649</v>
      </c>
      <c r="B5651" s="10" t="s">
        <v>12</v>
      </c>
      <c r="C5651" s="12" t="s">
        <v>3359</v>
      </c>
    </row>
    <row r="5652" spans="1:3" ht="24">
      <c r="A5652" s="13">
        <v>5650</v>
      </c>
      <c r="B5652" s="10" t="s">
        <v>3370</v>
      </c>
      <c r="C5652" s="12" t="s">
        <v>3359</v>
      </c>
    </row>
    <row r="5653" spans="1:3" ht="24">
      <c r="A5653" s="10">
        <v>5651</v>
      </c>
      <c r="B5653" s="10" t="s">
        <v>3371</v>
      </c>
      <c r="C5653" s="12" t="s">
        <v>3359</v>
      </c>
    </row>
    <row r="5654" spans="1:3" ht="24">
      <c r="A5654" s="13">
        <v>5652</v>
      </c>
      <c r="B5654" s="10" t="s">
        <v>3372</v>
      </c>
      <c r="C5654" s="12" t="s">
        <v>3359</v>
      </c>
    </row>
    <row r="5655" spans="1:3" ht="24">
      <c r="A5655" s="13">
        <v>5653</v>
      </c>
      <c r="B5655" s="10" t="s">
        <v>3373</v>
      </c>
      <c r="C5655" s="12" t="s">
        <v>3359</v>
      </c>
    </row>
    <row r="5656" spans="1:3" ht="24">
      <c r="A5656" s="13">
        <v>5654</v>
      </c>
      <c r="B5656" s="10" t="s">
        <v>3373</v>
      </c>
      <c r="C5656" s="12" t="s">
        <v>3359</v>
      </c>
    </row>
    <row r="5657" spans="1:3" ht="24">
      <c r="A5657" s="10">
        <v>5655</v>
      </c>
      <c r="B5657" s="10" t="s">
        <v>3374</v>
      </c>
      <c r="C5657" s="12" t="s">
        <v>3359</v>
      </c>
    </row>
    <row r="5658" spans="1:3" ht="24">
      <c r="A5658" s="13">
        <v>5656</v>
      </c>
      <c r="B5658" s="10" t="s">
        <v>12</v>
      </c>
      <c r="C5658" s="12" t="s">
        <v>3359</v>
      </c>
    </row>
    <row r="5659" spans="1:3" ht="24">
      <c r="A5659" s="13">
        <v>5657</v>
      </c>
      <c r="B5659" s="10" t="s">
        <v>12</v>
      </c>
      <c r="C5659" s="12" t="s">
        <v>3359</v>
      </c>
    </row>
    <row r="5660" spans="1:3" ht="24">
      <c r="A5660" s="13">
        <v>5658</v>
      </c>
      <c r="B5660" s="10" t="s">
        <v>12</v>
      </c>
      <c r="C5660" s="12" t="s">
        <v>3359</v>
      </c>
    </row>
    <row r="5661" spans="1:3" ht="24">
      <c r="A5661" s="10">
        <v>5659</v>
      </c>
      <c r="B5661" s="10" t="s">
        <v>12</v>
      </c>
      <c r="C5661" s="12" t="s">
        <v>3359</v>
      </c>
    </row>
    <row r="5662" spans="1:3" ht="24">
      <c r="A5662" s="13">
        <v>5660</v>
      </c>
      <c r="B5662" s="10" t="s">
        <v>3360</v>
      </c>
      <c r="C5662" s="12" t="s">
        <v>3359</v>
      </c>
    </row>
    <row r="5663" spans="1:3" ht="24">
      <c r="A5663" s="13">
        <v>5661</v>
      </c>
      <c r="B5663" s="10" t="s">
        <v>12</v>
      </c>
      <c r="C5663" s="12" t="s">
        <v>3359</v>
      </c>
    </row>
    <row r="5664" spans="1:3" ht="24">
      <c r="A5664" s="13">
        <v>5662</v>
      </c>
      <c r="B5664" s="10" t="s">
        <v>3375</v>
      </c>
      <c r="C5664" s="12" t="s">
        <v>3359</v>
      </c>
    </row>
    <row r="5665" spans="1:3" ht="24">
      <c r="A5665" s="10">
        <v>5663</v>
      </c>
      <c r="B5665" s="10" t="s">
        <v>3375</v>
      </c>
      <c r="C5665" s="12" t="s">
        <v>3359</v>
      </c>
    </row>
    <row r="5666" spans="1:3" ht="24">
      <c r="A5666" s="13">
        <v>5664</v>
      </c>
      <c r="B5666" s="10" t="s">
        <v>3375</v>
      </c>
      <c r="C5666" s="12" t="s">
        <v>3359</v>
      </c>
    </row>
    <row r="5667" spans="1:3" ht="24">
      <c r="A5667" s="13">
        <v>5665</v>
      </c>
      <c r="B5667" s="10" t="s">
        <v>3375</v>
      </c>
      <c r="C5667" s="12" t="s">
        <v>3359</v>
      </c>
    </row>
    <row r="5668" spans="1:3" ht="24">
      <c r="A5668" s="13">
        <v>5666</v>
      </c>
      <c r="B5668" s="10" t="s">
        <v>12</v>
      </c>
      <c r="C5668" s="12" t="s">
        <v>3359</v>
      </c>
    </row>
    <row r="5669" spans="1:3" ht="24">
      <c r="A5669" s="10">
        <v>5667</v>
      </c>
      <c r="B5669" s="10" t="s">
        <v>12</v>
      </c>
      <c r="C5669" s="12" t="s">
        <v>3359</v>
      </c>
    </row>
    <row r="5670" spans="1:3" ht="24">
      <c r="A5670" s="13">
        <v>5668</v>
      </c>
      <c r="B5670" s="10" t="s">
        <v>421</v>
      </c>
      <c r="C5670" s="12" t="s">
        <v>3359</v>
      </c>
    </row>
    <row r="5671" spans="1:3" ht="24">
      <c r="A5671" s="13">
        <v>5669</v>
      </c>
      <c r="B5671" s="10" t="s">
        <v>421</v>
      </c>
      <c r="C5671" s="12" t="s">
        <v>3359</v>
      </c>
    </row>
    <row r="5672" spans="1:3" ht="24">
      <c r="A5672" s="13">
        <v>5670</v>
      </c>
      <c r="B5672" s="10" t="s">
        <v>3376</v>
      </c>
      <c r="C5672" s="12" t="s">
        <v>3359</v>
      </c>
    </row>
    <row r="5673" spans="1:3" ht="24">
      <c r="A5673" s="10">
        <v>5671</v>
      </c>
      <c r="B5673" s="10" t="s">
        <v>3361</v>
      </c>
      <c r="C5673" s="12" t="s">
        <v>3359</v>
      </c>
    </row>
    <row r="5674" spans="1:3" ht="24">
      <c r="A5674" s="13">
        <v>5672</v>
      </c>
      <c r="B5674" s="10" t="s">
        <v>436</v>
      </c>
      <c r="C5674" s="12" t="s">
        <v>3359</v>
      </c>
    </row>
    <row r="5675" spans="1:3" ht="24">
      <c r="A5675" s="13">
        <v>5673</v>
      </c>
      <c r="B5675" s="10" t="s">
        <v>3377</v>
      </c>
      <c r="C5675" s="12" t="s">
        <v>3359</v>
      </c>
    </row>
    <row r="5676" spans="1:3" ht="24">
      <c r="A5676" s="13">
        <v>5674</v>
      </c>
      <c r="B5676" s="10" t="s">
        <v>3378</v>
      </c>
      <c r="C5676" s="12" t="s">
        <v>3359</v>
      </c>
    </row>
    <row r="5677" spans="1:3" ht="24">
      <c r="A5677" s="10">
        <v>5675</v>
      </c>
      <c r="B5677" s="26" t="s">
        <v>1570</v>
      </c>
      <c r="C5677" s="12" t="s">
        <v>3359</v>
      </c>
    </row>
    <row r="5678" spans="1:3" ht="24">
      <c r="A5678" s="13">
        <v>5676</v>
      </c>
      <c r="B5678" s="26" t="s">
        <v>130</v>
      </c>
      <c r="C5678" s="12" t="s">
        <v>3359</v>
      </c>
    </row>
    <row r="5679" spans="1:3" ht="24">
      <c r="A5679" s="13">
        <v>5677</v>
      </c>
      <c r="B5679" s="26" t="s">
        <v>130</v>
      </c>
      <c r="C5679" s="12" t="s">
        <v>3359</v>
      </c>
    </row>
    <row r="5680" spans="1:3" ht="24">
      <c r="A5680" s="13">
        <v>5678</v>
      </c>
      <c r="B5680" s="26" t="s">
        <v>130</v>
      </c>
      <c r="C5680" s="12" t="s">
        <v>3359</v>
      </c>
    </row>
    <row r="5681" spans="1:3" ht="24">
      <c r="A5681" s="10">
        <v>5679</v>
      </c>
      <c r="B5681" s="26" t="s">
        <v>130</v>
      </c>
      <c r="C5681" s="12" t="s">
        <v>3359</v>
      </c>
    </row>
    <row r="5682" spans="1:3" ht="24">
      <c r="A5682" s="13">
        <v>5680</v>
      </c>
      <c r="B5682" s="26" t="s">
        <v>130</v>
      </c>
      <c r="C5682" s="12" t="s">
        <v>3359</v>
      </c>
    </row>
    <row r="5683" spans="1:3" ht="24">
      <c r="A5683" s="13">
        <v>5681</v>
      </c>
      <c r="B5683" s="26" t="s">
        <v>3379</v>
      </c>
      <c r="C5683" s="12" t="s">
        <v>3359</v>
      </c>
    </row>
    <row r="5684" spans="1:3" ht="24">
      <c r="A5684" s="13">
        <v>5682</v>
      </c>
      <c r="B5684" s="17" t="s">
        <v>3380</v>
      </c>
      <c r="C5684" s="12" t="s">
        <v>3359</v>
      </c>
    </row>
    <row r="5685" spans="1:3" ht="24">
      <c r="A5685" s="10">
        <v>5683</v>
      </c>
      <c r="B5685" s="26" t="s">
        <v>3381</v>
      </c>
      <c r="C5685" s="12" t="s">
        <v>3359</v>
      </c>
    </row>
    <row r="5686" spans="1:3" ht="24">
      <c r="A5686" s="13">
        <v>5684</v>
      </c>
      <c r="B5686" s="33" t="s">
        <v>1859</v>
      </c>
      <c r="C5686" s="12" t="s">
        <v>3359</v>
      </c>
    </row>
    <row r="5687" spans="1:3" ht="24">
      <c r="A5687" s="13">
        <v>5685</v>
      </c>
      <c r="B5687" s="33" t="s">
        <v>3382</v>
      </c>
      <c r="C5687" s="12" t="s">
        <v>3359</v>
      </c>
    </row>
    <row r="5688" spans="1:3" ht="24">
      <c r="A5688" s="13">
        <v>5686</v>
      </c>
      <c r="B5688" s="33" t="s">
        <v>3383</v>
      </c>
      <c r="C5688" s="12" t="s">
        <v>3359</v>
      </c>
    </row>
    <row r="5689" spans="1:3" ht="24">
      <c r="A5689" s="10">
        <v>5687</v>
      </c>
      <c r="B5689" s="33" t="s">
        <v>3383</v>
      </c>
      <c r="C5689" s="12" t="s">
        <v>3359</v>
      </c>
    </row>
    <row r="5690" spans="1:3" ht="24">
      <c r="A5690" s="13">
        <v>5688</v>
      </c>
      <c r="B5690" s="33" t="s">
        <v>3383</v>
      </c>
      <c r="C5690" s="12" t="s">
        <v>3359</v>
      </c>
    </row>
    <row r="5691" spans="1:3" ht="24">
      <c r="A5691" s="13">
        <v>5689</v>
      </c>
      <c r="B5691" s="17" t="s">
        <v>3384</v>
      </c>
      <c r="C5691" s="12" t="s">
        <v>3359</v>
      </c>
    </row>
    <row r="5692" spans="1:3" ht="24">
      <c r="A5692" s="13">
        <v>5690</v>
      </c>
      <c r="B5692" s="33" t="s">
        <v>3383</v>
      </c>
      <c r="C5692" s="12" t="s">
        <v>3359</v>
      </c>
    </row>
    <row r="5693" spans="1:3" ht="24">
      <c r="A5693" s="10">
        <v>5691</v>
      </c>
      <c r="B5693" s="33" t="s">
        <v>3383</v>
      </c>
      <c r="C5693" s="12" t="s">
        <v>3359</v>
      </c>
    </row>
    <row r="5694" spans="1:3" ht="24">
      <c r="A5694" s="13">
        <v>5692</v>
      </c>
      <c r="B5694" s="33" t="s">
        <v>3383</v>
      </c>
      <c r="C5694" s="12" t="s">
        <v>3359</v>
      </c>
    </row>
    <row r="5695" spans="1:3" ht="24">
      <c r="A5695" s="13">
        <v>5693</v>
      </c>
      <c r="B5695" s="10" t="s">
        <v>3385</v>
      </c>
      <c r="C5695" s="12" t="s">
        <v>3359</v>
      </c>
    </row>
    <row r="5696" spans="1:3" ht="24">
      <c r="A5696" s="13">
        <v>5694</v>
      </c>
      <c r="B5696" s="10" t="s">
        <v>331</v>
      </c>
      <c r="C5696" s="12" t="s">
        <v>3359</v>
      </c>
    </row>
    <row r="5697" spans="1:3" ht="24">
      <c r="A5697" s="10">
        <v>5695</v>
      </c>
      <c r="B5697" s="10" t="s">
        <v>330</v>
      </c>
      <c r="C5697" s="12" t="s">
        <v>3359</v>
      </c>
    </row>
    <row r="5698" spans="1:3" ht="24">
      <c r="A5698" s="13">
        <v>5696</v>
      </c>
      <c r="B5698" s="10" t="s">
        <v>330</v>
      </c>
      <c r="C5698" s="12" t="s">
        <v>3359</v>
      </c>
    </row>
    <row r="5699" spans="1:3" ht="24">
      <c r="A5699" s="13">
        <v>5697</v>
      </c>
      <c r="B5699" s="10" t="s">
        <v>3386</v>
      </c>
      <c r="C5699" s="12" t="s">
        <v>3359</v>
      </c>
    </row>
    <row r="5700" spans="1:3" ht="24">
      <c r="A5700" s="13">
        <v>5698</v>
      </c>
      <c r="B5700" s="10" t="s">
        <v>3387</v>
      </c>
      <c r="C5700" s="12" t="s">
        <v>3359</v>
      </c>
    </row>
    <row r="5701" spans="1:3" ht="24">
      <c r="A5701" s="10">
        <v>5699</v>
      </c>
      <c r="B5701" s="10" t="s">
        <v>3388</v>
      </c>
      <c r="C5701" s="12" t="s">
        <v>3359</v>
      </c>
    </row>
    <row r="5702" spans="1:3" ht="24">
      <c r="A5702" s="13">
        <v>5700</v>
      </c>
      <c r="B5702" s="10" t="s">
        <v>3388</v>
      </c>
      <c r="C5702" s="12" t="s">
        <v>3359</v>
      </c>
    </row>
    <row r="5703" spans="1:3" ht="24">
      <c r="A5703" s="13">
        <v>5701</v>
      </c>
      <c r="B5703" s="10" t="s">
        <v>3388</v>
      </c>
      <c r="C5703" s="12" t="s">
        <v>3359</v>
      </c>
    </row>
    <row r="5704" spans="1:3" ht="24">
      <c r="A5704" s="13">
        <v>5702</v>
      </c>
      <c r="B5704" s="10" t="s">
        <v>330</v>
      </c>
      <c r="C5704" s="12" t="s">
        <v>3359</v>
      </c>
    </row>
    <row r="5705" spans="1:3" ht="24">
      <c r="A5705" s="10">
        <v>5703</v>
      </c>
      <c r="B5705" s="10" t="s">
        <v>3389</v>
      </c>
      <c r="C5705" s="12" t="s">
        <v>3359</v>
      </c>
    </row>
    <row r="5706" spans="1:3" ht="24">
      <c r="A5706" s="13">
        <v>5704</v>
      </c>
      <c r="B5706" s="10" t="s">
        <v>3390</v>
      </c>
      <c r="C5706" s="12" t="s">
        <v>3359</v>
      </c>
    </row>
    <row r="5707" spans="1:3" ht="24">
      <c r="A5707" s="13">
        <v>5705</v>
      </c>
      <c r="B5707" s="10" t="s">
        <v>3390</v>
      </c>
      <c r="C5707" s="12" t="s">
        <v>3359</v>
      </c>
    </row>
    <row r="5708" spans="1:3" ht="24">
      <c r="A5708" s="13">
        <v>5706</v>
      </c>
      <c r="B5708" s="10" t="s">
        <v>3390</v>
      </c>
      <c r="C5708" s="12" t="s">
        <v>3359</v>
      </c>
    </row>
    <row r="5709" spans="1:3" ht="24">
      <c r="A5709" s="10">
        <v>5707</v>
      </c>
      <c r="B5709" s="10" t="s">
        <v>3391</v>
      </c>
      <c r="C5709" s="12" t="s">
        <v>3359</v>
      </c>
    </row>
    <row r="5710" spans="1:3" ht="24">
      <c r="A5710" s="13">
        <v>5708</v>
      </c>
      <c r="B5710" s="10" t="s">
        <v>3391</v>
      </c>
      <c r="C5710" s="12" t="s">
        <v>3359</v>
      </c>
    </row>
    <row r="5711" spans="1:3" ht="24">
      <c r="A5711" s="13">
        <v>5709</v>
      </c>
      <c r="B5711" s="10" t="s">
        <v>1742</v>
      </c>
      <c r="C5711" s="12" t="s">
        <v>3359</v>
      </c>
    </row>
    <row r="5712" spans="1:3" ht="24">
      <c r="A5712" s="13">
        <v>5710</v>
      </c>
      <c r="B5712" s="10" t="s">
        <v>1742</v>
      </c>
      <c r="C5712" s="12" t="s">
        <v>3359</v>
      </c>
    </row>
    <row r="5713" spans="1:3" ht="24">
      <c r="A5713" s="10">
        <v>5711</v>
      </c>
      <c r="B5713" s="10" t="s">
        <v>1742</v>
      </c>
      <c r="C5713" s="12" t="s">
        <v>3359</v>
      </c>
    </row>
    <row r="5714" spans="1:3" ht="24">
      <c r="A5714" s="13">
        <v>5712</v>
      </c>
      <c r="B5714" s="10" t="s">
        <v>3392</v>
      </c>
      <c r="C5714" s="12" t="s">
        <v>3359</v>
      </c>
    </row>
    <row r="5715" spans="1:3" ht="24">
      <c r="A5715" s="13">
        <v>5713</v>
      </c>
      <c r="B5715" s="10" t="s">
        <v>3392</v>
      </c>
      <c r="C5715" s="12" t="s">
        <v>3359</v>
      </c>
    </row>
    <row r="5716" spans="1:3" ht="24">
      <c r="A5716" s="13">
        <v>5714</v>
      </c>
      <c r="B5716" s="10" t="s">
        <v>3392</v>
      </c>
      <c r="C5716" s="12" t="s">
        <v>3359</v>
      </c>
    </row>
    <row r="5717" spans="1:3" ht="24">
      <c r="A5717" s="10">
        <v>5715</v>
      </c>
      <c r="B5717" s="10" t="s">
        <v>3392</v>
      </c>
      <c r="C5717" s="12" t="s">
        <v>3359</v>
      </c>
    </row>
    <row r="5718" spans="1:3" ht="24">
      <c r="A5718" s="13">
        <v>5716</v>
      </c>
      <c r="B5718" s="10" t="s">
        <v>3393</v>
      </c>
      <c r="C5718" s="12" t="s">
        <v>3359</v>
      </c>
    </row>
    <row r="5719" spans="1:3" ht="24">
      <c r="A5719" s="13">
        <v>5717</v>
      </c>
      <c r="B5719" s="10" t="s">
        <v>3393</v>
      </c>
      <c r="C5719" s="12" t="s">
        <v>3359</v>
      </c>
    </row>
    <row r="5720" spans="1:3" ht="24">
      <c r="A5720" s="13">
        <v>5718</v>
      </c>
      <c r="B5720" s="10" t="s">
        <v>3394</v>
      </c>
      <c r="C5720" s="12" t="s">
        <v>3359</v>
      </c>
    </row>
    <row r="5721" spans="1:3" ht="24">
      <c r="A5721" s="10">
        <v>5719</v>
      </c>
      <c r="B5721" s="10" t="s">
        <v>246</v>
      </c>
      <c r="C5721" s="12" t="s">
        <v>3359</v>
      </c>
    </row>
    <row r="5722" spans="1:3" ht="24">
      <c r="A5722" s="13">
        <v>5720</v>
      </c>
      <c r="B5722" s="10" t="s">
        <v>3395</v>
      </c>
      <c r="C5722" s="12" t="s">
        <v>3359</v>
      </c>
    </row>
    <row r="5723" spans="1:3" ht="24">
      <c r="A5723" s="13">
        <v>5721</v>
      </c>
      <c r="B5723" s="10" t="s">
        <v>3396</v>
      </c>
      <c r="C5723" s="12" t="s">
        <v>3359</v>
      </c>
    </row>
    <row r="5724" spans="1:3" ht="24">
      <c r="A5724" s="13">
        <v>5722</v>
      </c>
      <c r="B5724" s="10" t="s">
        <v>3397</v>
      </c>
      <c r="C5724" s="12" t="s">
        <v>3359</v>
      </c>
    </row>
    <row r="5725" spans="1:3" ht="24">
      <c r="A5725" s="10">
        <v>5723</v>
      </c>
      <c r="B5725" s="10" t="s">
        <v>3398</v>
      </c>
      <c r="C5725" s="12" t="s">
        <v>3359</v>
      </c>
    </row>
    <row r="5726" spans="1:3" ht="24">
      <c r="A5726" s="13">
        <v>5724</v>
      </c>
      <c r="B5726" s="10" t="s">
        <v>3399</v>
      </c>
      <c r="C5726" s="12" t="s">
        <v>3359</v>
      </c>
    </row>
    <row r="5727" spans="1:3" ht="24">
      <c r="A5727" s="13">
        <v>5725</v>
      </c>
      <c r="B5727" s="10" t="s">
        <v>3400</v>
      </c>
      <c r="C5727" s="12" t="s">
        <v>3359</v>
      </c>
    </row>
    <row r="5728" spans="1:3" ht="24">
      <c r="A5728" s="13">
        <v>5726</v>
      </c>
      <c r="B5728" s="10" t="s">
        <v>3401</v>
      </c>
      <c r="C5728" s="12" t="s">
        <v>3359</v>
      </c>
    </row>
    <row r="5729" spans="1:3" ht="24">
      <c r="A5729" s="10">
        <v>5727</v>
      </c>
      <c r="B5729" s="10" t="s">
        <v>330</v>
      </c>
      <c r="C5729" s="12" t="s">
        <v>3359</v>
      </c>
    </row>
    <row r="5730" spans="1:3" ht="24">
      <c r="A5730" s="13">
        <v>5728</v>
      </c>
      <c r="B5730" s="10" t="s">
        <v>330</v>
      </c>
      <c r="C5730" s="12" t="s">
        <v>3359</v>
      </c>
    </row>
    <row r="5731" spans="1:3" ht="24">
      <c r="A5731" s="13">
        <v>5729</v>
      </c>
      <c r="B5731" s="10" t="s">
        <v>472</v>
      </c>
      <c r="C5731" s="12" t="s">
        <v>3359</v>
      </c>
    </row>
    <row r="5732" spans="1:3" ht="24">
      <c r="A5732" s="13">
        <v>5730</v>
      </c>
      <c r="B5732" s="10" t="s">
        <v>3402</v>
      </c>
      <c r="C5732" s="12" t="s">
        <v>3359</v>
      </c>
    </row>
    <row r="5733" spans="1:3" ht="24">
      <c r="A5733" s="10">
        <v>5731</v>
      </c>
      <c r="B5733" s="10" t="s">
        <v>3403</v>
      </c>
      <c r="C5733" s="12" t="s">
        <v>3359</v>
      </c>
    </row>
    <row r="5734" spans="1:3" ht="24">
      <c r="A5734" s="13">
        <v>5732</v>
      </c>
      <c r="B5734" s="10" t="s">
        <v>3401</v>
      </c>
      <c r="C5734" s="12" t="s">
        <v>3359</v>
      </c>
    </row>
    <row r="5735" spans="1:3" ht="24">
      <c r="A5735" s="13">
        <v>5733</v>
      </c>
      <c r="B5735" s="10" t="s">
        <v>3404</v>
      </c>
      <c r="C5735" s="12" t="s">
        <v>3359</v>
      </c>
    </row>
    <row r="5736" spans="1:3" ht="24">
      <c r="A5736" s="13">
        <v>5734</v>
      </c>
      <c r="B5736" s="10" t="s">
        <v>3405</v>
      </c>
      <c r="C5736" s="12" t="s">
        <v>3359</v>
      </c>
    </row>
    <row r="5737" spans="1:3" ht="24">
      <c r="A5737" s="10">
        <v>5735</v>
      </c>
      <c r="B5737" s="10" t="s">
        <v>3406</v>
      </c>
      <c r="C5737" s="12" t="s">
        <v>3359</v>
      </c>
    </row>
    <row r="5738" spans="1:3" ht="24">
      <c r="A5738" s="13">
        <v>5736</v>
      </c>
      <c r="B5738" s="10" t="s">
        <v>3405</v>
      </c>
      <c r="C5738" s="12" t="s">
        <v>3359</v>
      </c>
    </row>
    <row r="5739" spans="1:3" ht="24">
      <c r="A5739" s="13">
        <v>5737</v>
      </c>
      <c r="B5739" s="10" t="s">
        <v>3407</v>
      </c>
      <c r="C5739" s="12" t="s">
        <v>3359</v>
      </c>
    </row>
    <row r="5740" spans="1:3" ht="24">
      <c r="A5740" s="13">
        <v>5738</v>
      </c>
      <c r="B5740" s="10" t="s">
        <v>3408</v>
      </c>
      <c r="C5740" s="12" t="s">
        <v>3359</v>
      </c>
    </row>
    <row r="5741" spans="1:3" ht="24">
      <c r="A5741" s="10">
        <v>5739</v>
      </c>
      <c r="B5741" s="10" t="s">
        <v>3405</v>
      </c>
      <c r="C5741" s="12" t="s">
        <v>3359</v>
      </c>
    </row>
    <row r="5742" spans="1:3" ht="24">
      <c r="A5742" s="13">
        <v>5740</v>
      </c>
      <c r="B5742" s="10" t="s">
        <v>3409</v>
      </c>
      <c r="C5742" s="12" t="s">
        <v>3359</v>
      </c>
    </row>
    <row r="5743" spans="1:3" ht="24">
      <c r="A5743" s="13">
        <v>5741</v>
      </c>
      <c r="B5743" s="10" t="s">
        <v>3409</v>
      </c>
      <c r="C5743" s="12" t="s">
        <v>3359</v>
      </c>
    </row>
    <row r="5744" spans="1:3" ht="24">
      <c r="A5744" s="13">
        <v>5742</v>
      </c>
      <c r="B5744" s="10" t="s">
        <v>3409</v>
      </c>
      <c r="C5744" s="12" t="s">
        <v>3359</v>
      </c>
    </row>
    <row r="5745" spans="1:3" ht="24">
      <c r="A5745" s="10">
        <v>5743</v>
      </c>
      <c r="B5745" s="10" t="s">
        <v>3409</v>
      </c>
      <c r="C5745" s="12" t="s">
        <v>3359</v>
      </c>
    </row>
    <row r="5746" spans="1:3" ht="24">
      <c r="A5746" s="13">
        <v>5744</v>
      </c>
      <c r="B5746" s="10" t="s">
        <v>3410</v>
      </c>
      <c r="C5746" s="12" t="s">
        <v>3359</v>
      </c>
    </row>
    <row r="5747" spans="1:3" ht="24">
      <c r="A5747" s="13">
        <v>5745</v>
      </c>
      <c r="B5747" s="10" t="s">
        <v>3411</v>
      </c>
      <c r="C5747" s="12" t="s">
        <v>3359</v>
      </c>
    </row>
    <row r="5748" spans="1:3" ht="24">
      <c r="A5748" s="13">
        <v>5746</v>
      </c>
      <c r="B5748" s="10" t="s">
        <v>3412</v>
      </c>
      <c r="C5748" s="12" t="s">
        <v>3359</v>
      </c>
    </row>
    <row r="5749" spans="1:3" ht="24">
      <c r="A5749" s="10">
        <v>5747</v>
      </c>
      <c r="B5749" s="15" t="s">
        <v>3412</v>
      </c>
      <c r="C5749" s="12" t="s">
        <v>3359</v>
      </c>
    </row>
    <row r="5750" spans="1:3" ht="24">
      <c r="A5750" s="13">
        <v>5748</v>
      </c>
      <c r="B5750" s="26" t="s">
        <v>3413</v>
      </c>
      <c r="C5750" s="12" t="s">
        <v>3359</v>
      </c>
    </row>
    <row r="5751" spans="1:3" ht="24">
      <c r="A5751" s="13">
        <v>5749</v>
      </c>
      <c r="B5751" s="26" t="s">
        <v>3413</v>
      </c>
      <c r="C5751" s="12" t="s">
        <v>3359</v>
      </c>
    </row>
    <row r="5752" spans="1:3" ht="24">
      <c r="A5752" s="13">
        <v>5750</v>
      </c>
      <c r="B5752" s="30" t="s">
        <v>3413</v>
      </c>
      <c r="C5752" s="12" t="s">
        <v>3359</v>
      </c>
    </row>
    <row r="5753" spans="1:3" ht="24">
      <c r="A5753" s="10">
        <v>5751</v>
      </c>
      <c r="B5753" s="26" t="s">
        <v>246</v>
      </c>
      <c r="C5753" s="12" t="s">
        <v>3359</v>
      </c>
    </row>
    <row r="5754" spans="1:3" ht="24">
      <c r="A5754" s="13">
        <v>5752</v>
      </c>
      <c r="B5754" s="26" t="s">
        <v>246</v>
      </c>
      <c r="C5754" s="12" t="s">
        <v>3359</v>
      </c>
    </row>
    <row r="5755" spans="1:3" ht="24">
      <c r="A5755" s="13">
        <v>5753</v>
      </c>
      <c r="B5755" s="26" t="s">
        <v>3411</v>
      </c>
      <c r="C5755" s="12" t="s">
        <v>3359</v>
      </c>
    </row>
    <row r="5756" spans="1:3" ht="24">
      <c r="A5756" s="13">
        <v>5754</v>
      </c>
      <c r="B5756" s="26" t="s">
        <v>3411</v>
      </c>
      <c r="C5756" s="12" t="s">
        <v>3359</v>
      </c>
    </row>
    <row r="5757" spans="1:3" ht="24">
      <c r="A5757" s="10">
        <v>5755</v>
      </c>
      <c r="B5757" s="26" t="s">
        <v>3411</v>
      </c>
      <c r="C5757" s="12" t="s">
        <v>3359</v>
      </c>
    </row>
    <row r="5758" spans="1:3" ht="24">
      <c r="A5758" s="13">
        <v>5756</v>
      </c>
      <c r="B5758" s="26" t="s">
        <v>3411</v>
      </c>
      <c r="C5758" s="12" t="s">
        <v>3359</v>
      </c>
    </row>
    <row r="5759" spans="1:3" ht="24">
      <c r="A5759" s="13">
        <v>5757</v>
      </c>
      <c r="B5759" s="26" t="s">
        <v>3411</v>
      </c>
      <c r="C5759" s="12" t="s">
        <v>3359</v>
      </c>
    </row>
    <row r="5760" spans="1:3" ht="24">
      <c r="A5760" s="13">
        <v>5758</v>
      </c>
      <c r="B5760" s="26" t="s">
        <v>3411</v>
      </c>
      <c r="C5760" s="12" t="s">
        <v>3359</v>
      </c>
    </row>
    <row r="5761" spans="1:3" ht="24">
      <c r="A5761" s="10">
        <v>5759</v>
      </c>
      <c r="B5761" s="26" t="s">
        <v>3411</v>
      </c>
      <c r="C5761" s="12" t="s">
        <v>3359</v>
      </c>
    </row>
    <row r="5762" spans="1:3" ht="24">
      <c r="A5762" s="13">
        <v>5760</v>
      </c>
      <c r="B5762" s="26" t="s">
        <v>3411</v>
      </c>
      <c r="C5762" s="12" t="s">
        <v>3359</v>
      </c>
    </row>
    <row r="5763" spans="1:3" ht="24">
      <c r="A5763" s="13">
        <v>5761</v>
      </c>
      <c r="B5763" s="26" t="s">
        <v>3411</v>
      </c>
      <c r="C5763" s="12" t="s">
        <v>3359</v>
      </c>
    </row>
    <row r="5764" spans="1:3" ht="24">
      <c r="A5764" s="13">
        <v>5762</v>
      </c>
      <c r="B5764" s="30" t="s">
        <v>3411</v>
      </c>
      <c r="C5764" s="12" t="s">
        <v>3359</v>
      </c>
    </row>
    <row r="5765" spans="1:3" ht="24">
      <c r="A5765" s="10">
        <v>5763</v>
      </c>
      <c r="B5765" s="26" t="s">
        <v>277</v>
      </c>
      <c r="C5765" s="12" t="s">
        <v>3359</v>
      </c>
    </row>
    <row r="5766" spans="1:3" ht="24">
      <c r="A5766" s="13">
        <v>5764</v>
      </c>
      <c r="B5766" s="26" t="s">
        <v>277</v>
      </c>
      <c r="C5766" s="12" t="s">
        <v>3359</v>
      </c>
    </row>
    <row r="5767" spans="1:3" ht="24">
      <c r="A5767" s="13">
        <v>5765</v>
      </c>
      <c r="B5767" s="26" t="s">
        <v>277</v>
      </c>
      <c r="C5767" s="12" t="s">
        <v>3359</v>
      </c>
    </row>
    <row r="5768" spans="1:3" ht="24">
      <c r="A5768" s="13">
        <v>5766</v>
      </c>
      <c r="B5768" s="26" t="s">
        <v>277</v>
      </c>
      <c r="C5768" s="12" t="s">
        <v>3359</v>
      </c>
    </row>
    <row r="5769" spans="1:3" ht="24">
      <c r="A5769" s="10">
        <v>5767</v>
      </c>
      <c r="B5769" s="26" t="s">
        <v>277</v>
      </c>
      <c r="C5769" s="12" t="s">
        <v>3359</v>
      </c>
    </row>
    <row r="5770" spans="1:3" ht="15.75">
      <c r="A5770" s="13">
        <v>5768</v>
      </c>
      <c r="B5770" s="11" t="s">
        <v>3414</v>
      </c>
      <c r="C5770" s="12" t="s">
        <v>3415</v>
      </c>
    </row>
    <row r="5771" spans="1:3" ht="31.5">
      <c r="A5771" s="13">
        <v>5769</v>
      </c>
      <c r="B5771" s="10" t="s">
        <v>3416</v>
      </c>
      <c r="C5771" s="12" t="s">
        <v>3415</v>
      </c>
    </row>
    <row r="5772" spans="1:3" ht="31.5">
      <c r="A5772" s="13">
        <v>5770</v>
      </c>
      <c r="B5772" s="11" t="s">
        <v>3417</v>
      </c>
      <c r="C5772" s="12" t="s">
        <v>3415</v>
      </c>
    </row>
    <row r="5773" spans="1:3" ht="31.5">
      <c r="A5773" s="10">
        <v>5771</v>
      </c>
      <c r="B5773" s="11" t="s">
        <v>3418</v>
      </c>
      <c r="C5773" s="12" t="s">
        <v>3415</v>
      </c>
    </row>
    <row r="5774" spans="1:3" ht="15.75">
      <c r="A5774" s="13">
        <v>5772</v>
      </c>
      <c r="B5774" s="11" t="s">
        <v>3419</v>
      </c>
      <c r="C5774" s="12" t="s">
        <v>3415</v>
      </c>
    </row>
    <row r="5775" spans="1:3" ht="31.5">
      <c r="A5775" s="13">
        <v>5773</v>
      </c>
      <c r="B5775" s="10" t="s">
        <v>3422</v>
      </c>
      <c r="C5775" s="12" t="s">
        <v>3415</v>
      </c>
    </row>
    <row r="5776" spans="1:3" ht="15.75">
      <c r="A5776" s="13">
        <v>5774</v>
      </c>
      <c r="B5776" s="11" t="s">
        <v>3423</v>
      </c>
      <c r="C5776" s="12" t="s">
        <v>3415</v>
      </c>
    </row>
    <row r="5777" spans="1:3" ht="15.75">
      <c r="A5777" s="10">
        <v>5775</v>
      </c>
      <c r="B5777" s="11" t="s">
        <v>3424</v>
      </c>
      <c r="C5777" s="12" t="s">
        <v>3415</v>
      </c>
    </row>
    <row r="5778" spans="1:3" ht="15.75">
      <c r="A5778" s="13">
        <v>5776</v>
      </c>
      <c r="B5778" s="11" t="s">
        <v>3424</v>
      </c>
      <c r="C5778" s="12" t="s">
        <v>3415</v>
      </c>
    </row>
    <row r="5779" spans="1:3" ht="15.75">
      <c r="A5779" s="13">
        <v>5777</v>
      </c>
      <c r="B5779" s="11" t="s">
        <v>12</v>
      </c>
      <c r="C5779" s="12" t="s">
        <v>3415</v>
      </c>
    </row>
    <row r="5780" spans="1:3" ht="15.75">
      <c r="A5780" s="13">
        <v>5778</v>
      </c>
      <c r="B5780" s="11" t="s">
        <v>3425</v>
      </c>
      <c r="C5780" s="12" t="s">
        <v>3415</v>
      </c>
    </row>
    <row r="5781" spans="1:3" ht="15.75">
      <c r="A5781" s="10">
        <v>5779</v>
      </c>
      <c r="B5781" s="11" t="s">
        <v>151</v>
      </c>
      <c r="C5781" s="12" t="s">
        <v>3415</v>
      </c>
    </row>
    <row r="5782" spans="1:3" ht="15.75">
      <c r="A5782" s="13">
        <v>5780</v>
      </c>
      <c r="B5782" s="11" t="s">
        <v>3426</v>
      </c>
      <c r="C5782" s="12" t="s">
        <v>3415</v>
      </c>
    </row>
    <row r="5783" spans="1:3" ht="15.75">
      <c r="A5783" s="13">
        <v>5781</v>
      </c>
      <c r="B5783" s="11" t="s">
        <v>3427</v>
      </c>
      <c r="C5783" s="12" t="s">
        <v>3415</v>
      </c>
    </row>
    <row r="5784" spans="1:3" ht="15.75">
      <c r="A5784" s="13">
        <v>5782</v>
      </c>
      <c r="B5784" s="11" t="s">
        <v>3428</v>
      </c>
      <c r="C5784" s="12" t="s">
        <v>3415</v>
      </c>
    </row>
    <row r="5785" spans="1:3" ht="15.75">
      <c r="A5785" s="10">
        <v>5783</v>
      </c>
      <c r="B5785" s="11" t="s">
        <v>3429</v>
      </c>
      <c r="C5785" s="12" t="s">
        <v>3415</v>
      </c>
    </row>
    <row r="5786" spans="1:3" ht="15.75">
      <c r="A5786" s="13">
        <v>5784</v>
      </c>
      <c r="B5786" s="11" t="s">
        <v>12</v>
      </c>
      <c r="C5786" s="12" t="s">
        <v>3415</v>
      </c>
    </row>
    <row r="5787" spans="1:3" ht="15.75">
      <c r="A5787" s="13">
        <v>5785</v>
      </c>
      <c r="B5787" s="11" t="s">
        <v>3430</v>
      </c>
      <c r="C5787" s="12" t="s">
        <v>3415</v>
      </c>
    </row>
    <row r="5788" spans="1:3" ht="15.75">
      <c r="A5788" s="13">
        <v>5786</v>
      </c>
      <c r="B5788" s="11" t="s">
        <v>3431</v>
      </c>
      <c r="C5788" s="12" t="s">
        <v>3415</v>
      </c>
    </row>
    <row r="5789" spans="1:3" ht="15.75">
      <c r="A5789" s="10">
        <v>5787</v>
      </c>
      <c r="B5789" s="11" t="s">
        <v>3432</v>
      </c>
      <c r="C5789" s="12" t="s">
        <v>3415</v>
      </c>
    </row>
    <row r="5790" spans="1:3" ht="15.75">
      <c r="A5790" s="13">
        <v>5788</v>
      </c>
      <c r="B5790" s="11" t="s">
        <v>12</v>
      </c>
      <c r="C5790" s="12" t="s">
        <v>3415</v>
      </c>
    </row>
    <row r="5791" spans="1:3" ht="15.75">
      <c r="A5791" s="13">
        <v>5789</v>
      </c>
      <c r="B5791" s="11" t="s">
        <v>12</v>
      </c>
      <c r="C5791" s="12" t="s">
        <v>3415</v>
      </c>
    </row>
    <row r="5792" spans="1:3" ht="15.75">
      <c r="A5792" s="13">
        <v>5790</v>
      </c>
      <c r="B5792" s="11" t="s">
        <v>3433</v>
      </c>
      <c r="C5792" s="12" t="s">
        <v>3415</v>
      </c>
    </row>
    <row r="5793" spans="1:3" ht="15.75">
      <c r="A5793" s="10">
        <v>5791</v>
      </c>
      <c r="B5793" s="11" t="s">
        <v>169</v>
      </c>
      <c r="C5793" s="12" t="s">
        <v>3415</v>
      </c>
    </row>
    <row r="5794" spans="1:3" ht="15.75">
      <c r="A5794" s="13">
        <v>5792</v>
      </c>
      <c r="B5794" s="11" t="s">
        <v>3434</v>
      </c>
      <c r="C5794" s="12" t="s">
        <v>3415</v>
      </c>
    </row>
    <row r="5795" spans="1:3" ht="15.75">
      <c r="A5795" s="13">
        <v>5793</v>
      </c>
      <c r="B5795" s="11" t="s">
        <v>3435</v>
      </c>
      <c r="C5795" s="12" t="s">
        <v>3415</v>
      </c>
    </row>
    <row r="5796" spans="1:3" ht="15.75">
      <c r="A5796" s="13">
        <v>5794</v>
      </c>
      <c r="B5796" s="11" t="s">
        <v>3436</v>
      </c>
      <c r="C5796" s="12" t="s">
        <v>3415</v>
      </c>
    </row>
    <row r="5797" spans="1:3" ht="15.75">
      <c r="A5797" s="10">
        <v>5795</v>
      </c>
      <c r="B5797" s="11" t="s">
        <v>12</v>
      </c>
      <c r="C5797" s="12" t="s">
        <v>3415</v>
      </c>
    </row>
    <row r="5798" spans="1:3" ht="15.75">
      <c r="A5798" s="13">
        <v>5796</v>
      </c>
      <c r="B5798" s="11" t="s">
        <v>12</v>
      </c>
      <c r="C5798" s="12" t="s">
        <v>3415</v>
      </c>
    </row>
    <row r="5799" spans="1:3" ht="15.75">
      <c r="A5799" s="13">
        <v>5797</v>
      </c>
      <c r="B5799" s="11" t="s">
        <v>3437</v>
      </c>
      <c r="C5799" s="12" t="s">
        <v>3415</v>
      </c>
    </row>
    <row r="5800" spans="1:3" ht="15.75">
      <c r="A5800" s="13">
        <v>5798</v>
      </c>
      <c r="B5800" s="11" t="s">
        <v>3438</v>
      </c>
      <c r="C5800" s="12" t="s">
        <v>3415</v>
      </c>
    </row>
    <row r="5801" spans="1:3" ht="15.75">
      <c r="A5801" s="10">
        <v>5799</v>
      </c>
      <c r="B5801" s="11" t="s">
        <v>3439</v>
      </c>
      <c r="C5801" s="12" t="s">
        <v>3415</v>
      </c>
    </row>
    <row r="5802" spans="1:3" ht="15.75">
      <c r="A5802" s="13">
        <v>5800</v>
      </c>
      <c r="B5802" s="11" t="s">
        <v>3440</v>
      </c>
      <c r="C5802" s="12" t="s">
        <v>3415</v>
      </c>
    </row>
    <row r="5803" spans="1:3" ht="15.75">
      <c r="A5803" s="13">
        <v>5801</v>
      </c>
      <c r="B5803" s="11" t="s">
        <v>3441</v>
      </c>
      <c r="C5803" s="12" t="s">
        <v>3415</v>
      </c>
    </row>
    <row r="5804" spans="1:3" ht="15.75">
      <c r="A5804" s="13">
        <v>5802</v>
      </c>
      <c r="B5804" s="11" t="s">
        <v>3442</v>
      </c>
      <c r="C5804" s="12" t="s">
        <v>3415</v>
      </c>
    </row>
    <row r="5805" spans="1:3" ht="15.75">
      <c r="A5805" s="10">
        <v>5803</v>
      </c>
      <c r="B5805" s="11" t="s">
        <v>3443</v>
      </c>
      <c r="C5805" s="12" t="s">
        <v>3415</v>
      </c>
    </row>
    <row r="5806" spans="1:3" ht="15.75">
      <c r="A5806" s="13">
        <v>5804</v>
      </c>
      <c r="B5806" s="11" t="s">
        <v>12</v>
      </c>
      <c r="C5806" s="12" t="s">
        <v>3415</v>
      </c>
    </row>
    <row r="5807" spans="1:3" ht="15.75">
      <c r="A5807" s="13">
        <v>5805</v>
      </c>
      <c r="B5807" s="11" t="s">
        <v>3444</v>
      </c>
      <c r="C5807" s="12" t="s">
        <v>3415</v>
      </c>
    </row>
    <row r="5808" spans="1:3" ht="15.75">
      <c r="A5808" s="13">
        <v>5806</v>
      </c>
      <c r="B5808" s="11" t="s">
        <v>3445</v>
      </c>
      <c r="C5808" s="12" t="s">
        <v>3415</v>
      </c>
    </row>
    <row r="5809" spans="1:3" ht="15.75">
      <c r="A5809" s="10">
        <v>5807</v>
      </c>
      <c r="B5809" s="11" t="s">
        <v>608</v>
      </c>
      <c r="C5809" s="12" t="s">
        <v>3415</v>
      </c>
    </row>
    <row r="5810" spans="1:3" ht="15.75">
      <c r="A5810" s="13">
        <v>5808</v>
      </c>
      <c r="B5810" s="11" t="s">
        <v>3446</v>
      </c>
      <c r="C5810" s="12" t="s">
        <v>3415</v>
      </c>
    </row>
    <row r="5811" spans="1:3" ht="15.75">
      <c r="A5811" s="13">
        <v>5809</v>
      </c>
      <c r="B5811" s="11" t="s">
        <v>3447</v>
      </c>
      <c r="C5811" s="12" t="s">
        <v>3415</v>
      </c>
    </row>
    <row r="5812" spans="1:3" ht="15.75">
      <c r="A5812" s="13">
        <v>5810</v>
      </c>
      <c r="B5812" s="11" t="s">
        <v>3448</v>
      </c>
      <c r="C5812" s="12" t="s">
        <v>3415</v>
      </c>
    </row>
    <row r="5813" spans="1:3" ht="15.75">
      <c r="A5813" s="10">
        <v>5811</v>
      </c>
      <c r="B5813" s="11" t="s">
        <v>12</v>
      </c>
      <c r="C5813" s="12" t="s">
        <v>3415</v>
      </c>
    </row>
    <row r="5814" spans="1:3" ht="15.75">
      <c r="A5814" s="13">
        <v>5812</v>
      </c>
      <c r="B5814" s="11" t="s">
        <v>3449</v>
      </c>
      <c r="C5814" s="12" t="s">
        <v>3415</v>
      </c>
    </row>
    <row r="5815" spans="1:3" ht="15.75">
      <c r="A5815" s="13">
        <v>5813</v>
      </c>
      <c r="B5815" s="11" t="s">
        <v>12</v>
      </c>
      <c r="C5815" s="12" t="s">
        <v>3415</v>
      </c>
    </row>
    <row r="5816" spans="1:3" ht="15.75">
      <c r="A5816" s="13">
        <v>5814</v>
      </c>
      <c r="B5816" s="11" t="s">
        <v>3450</v>
      </c>
      <c r="C5816" s="12" t="s">
        <v>3415</v>
      </c>
    </row>
    <row r="5817" spans="1:3" ht="15.75">
      <c r="A5817" s="10">
        <v>5815</v>
      </c>
      <c r="B5817" s="11" t="s">
        <v>12</v>
      </c>
      <c r="C5817" s="12" t="s">
        <v>3415</v>
      </c>
    </row>
    <row r="5818" spans="1:3" ht="15.75">
      <c r="A5818" s="13">
        <v>5816</v>
      </c>
      <c r="B5818" s="11" t="s">
        <v>1377</v>
      </c>
      <c r="C5818" s="12" t="s">
        <v>3415</v>
      </c>
    </row>
    <row r="5819" spans="1:3" ht="15.75">
      <c r="A5819" s="13">
        <v>5817</v>
      </c>
      <c r="B5819" s="11" t="s">
        <v>3451</v>
      </c>
      <c r="C5819" s="12" t="s">
        <v>3415</v>
      </c>
    </row>
    <row r="5820" spans="1:3" ht="31.5">
      <c r="A5820" s="13">
        <v>5818</v>
      </c>
      <c r="B5820" s="11" t="s">
        <v>3452</v>
      </c>
      <c r="C5820" s="12" t="s">
        <v>3415</v>
      </c>
    </row>
    <row r="5821" spans="1:3" ht="15.75">
      <c r="A5821" s="10">
        <v>5819</v>
      </c>
      <c r="B5821" s="11" t="s">
        <v>3453</v>
      </c>
      <c r="C5821" s="12" t="s">
        <v>3415</v>
      </c>
    </row>
    <row r="5822" spans="1:3" ht="15.75">
      <c r="A5822" s="13">
        <v>5820</v>
      </c>
      <c r="B5822" s="11" t="s">
        <v>3454</v>
      </c>
      <c r="C5822" s="12" t="s">
        <v>3415</v>
      </c>
    </row>
    <row r="5823" spans="1:3" ht="15.75">
      <c r="A5823" s="13">
        <v>5821</v>
      </c>
      <c r="B5823" s="11" t="s">
        <v>12</v>
      </c>
      <c r="C5823" s="12" t="s">
        <v>3415</v>
      </c>
    </row>
    <row r="5824" spans="1:3" ht="15.75">
      <c r="A5824" s="13">
        <v>5822</v>
      </c>
      <c r="B5824" s="11" t="s">
        <v>12</v>
      </c>
      <c r="C5824" s="12" t="s">
        <v>3415</v>
      </c>
    </row>
    <row r="5825" spans="1:3" ht="15.75">
      <c r="A5825" s="10">
        <v>5823</v>
      </c>
      <c r="B5825" s="11" t="s">
        <v>12</v>
      </c>
      <c r="C5825" s="12" t="s">
        <v>3415</v>
      </c>
    </row>
    <row r="5826" spans="1:3" ht="15.75">
      <c r="A5826" s="13">
        <v>5824</v>
      </c>
      <c r="B5826" s="11" t="s">
        <v>3455</v>
      </c>
      <c r="C5826" s="12" t="s">
        <v>3415</v>
      </c>
    </row>
    <row r="5827" spans="1:3" ht="15.75">
      <c r="A5827" s="13">
        <v>5825</v>
      </c>
      <c r="B5827" s="11" t="s">
        <v>12</v>
      </c>
      <c r="C5827" s="12" t="s">
        <v>3415</v>
      </c>
    </row>
    <row r="5828" spans="1:3" ht="15.75">
      <c r="A5828" s="13">
        <v>5826</v>
      </c>
      <c r="B5828" s="11" t="s">
        <v>12</v>
      </c>
      <c r="C5828" s="12" t="s">
        <v>3415</v>
      </c>
    </row>
    <row r="5829" spans="1:3" ht="15.75">
      <c r="A5829" s="10">
        <v>5827</v>
      </c>
      <c r="B5829" s="11" t="s">
        <v>3456</v>
      </c>
      <c r="C5829" s="12" t="s">
        <v>3415</v>
      </c>
    </row>
    <row r="5830" spans="1:3" ht="15.75">
      <c r="A5830" s="13">
        <v>5828</v>
      </c>
      <c r="B5830" s="11" t="s">
        <v>3457</v>
      </c>
      <c r="C5830" s="12" t="s">
        <v>3415</v>
      </c>
    </row>
    <row r="5831" spans="1:3" ht="15.75">
      <c r="A5831" s="13">
        <v>5829</v>
      </c>
      <c r="B5831" s="11" t="s">
        <v>3458</v>
      </c>
      <c r="C5831" s="12" t="s">
        <v>3415</v>
      </c>
    </row>
    <row r="5832" spans="1:3" ht="15.75">
      <c r="A5832" s="13">
        <v>5830</v>
      </c>
      <c r="B5832" s="11" t="s">
        <v>12</v>
      </c>
      <c r="C5832" s="12" t="s">
        <v>3415</v>
      </c>
    </row>
    <row r="5833" spans="1:3" ht="15.75">
      <c r="A5833" s="10">
        <v>5831</v>
      </c>
      <c r="B5833" s="11" t="s">
        <v>198</v>
      </c>
      <c r="C5833" s="12" t="s">
        <v>3415</v>
      </c>
    </row>
    <row r="5834" spans="1:3" ht="15.75">
      <c r="A5834" s="13">
        <v>5832</v>
      </c>
      <c r="B5834" s="11" t="s">
        <v>3459</v>
      </c>
      <c r="C5834" s="12" t="s">
        <v>3415</v>
      </c>
    </row>
    <row r="5835" spans="1:3" ht="15.75">
      <c r="A5835" s="13">
        <v>5833</v>
      </c>
      <c r="B5835" s="11" t="s">
        <v>3459</v>
      </c>
      <c r="C5835" s="12" t="s">
        <v>3415</v>
      </c>
    </row>
    <row r="5836" spans="1:3" ht="15.75">
      <c r="A5836" s="13">
        <v>5834</v>
      </c>
      <c r="B5836" s="11" t="s">
        <v>3459</v>
      </c>
      <c r="C5836" s="12" t="s">
        <v>3415</v>
      </c>
    </row>
    <row r="5837" spans="1:3" ht="15.75">
      <c r="A5837" s="10">
        <v>5835</v>
      </c>
      <c r="B5837" s="11" t="s">
        <v>3459</v>
      </c>
      <c r="C5837" s="12" t="s">
        <v>3415</v>
      </c>
    </row>
    <row r="5838" spans="1:3" ht="15.75">
      <c r="A5838" s="13">
        <v>5836</v>
      </c>
      <c r="B5838" s="11" t="s">
        <v>12</v>
      </c>
      <c r="C5838" s="12" t="s">
        <v>3415</v>
      </c>
    </row>
    <row r="5839" spans="1:3" ht="15.75">
      <c r="A5839" s="13">
        <v>5837</v>
      </c>
      <c r="B5839" s="11" t="s">
        <v>3460</v>
      </c>
      <c r="C5839" s="12" t="s">
        <v>3415</v>
      </c>
    </row>
    <row r="5840" spans="1:3" ht="15.75">
      <c r="A5840" s="13">
        <v>5838</v>
      </c>
      <c r="B5840" s="11" t="s">
        <v>3461</v>
      </c>
      <c r="C5840" s="12" t="s">
        <v>3415</v>
      </c>
    </row>
    <row r="5841" spans="1:3" ht="15.75">
      <c r="A5841" s="10">
        <v>5839</v>
      </c>
      <c r="B5841" s="11" t="s">
        <v>3462</v>
      </c>
      <c r="C5841" s="12" t="s">
        <v>3415</v>
      </c>
    </row>
    <row r="5842" spans="1:3" ht="15.75">
      <c r="A5842" s="13">
        <v>5840</v>
      </c>
      <c r="B5842" s="11" t="s">
        <v>12</v>
      </c>
      <c r="C5842" s="12" t="s">
        <v>3415</v>
      </c>
    </row>
    <row r="5843" spans="1:3" ht="15.75">
      <c r="A5843" s="13">
        <v>5841</v>
      </c>
      <c r="B5843" s="11" t="s">
        <v>12</v>
      </c>
      <c r="C5843" s="12" t="s">
        <v>3415</v>
      </c>
    </row>
    <row r="5844" spans="1:3" ht="15.75">
      <c r="A5844" s="13">
        <v>5842</v>
      </c>
      <c r="B5844" s="11" t="s">
        <v>12</v>
      </c>
      <c r="C5844" s="12" t="s">
        <v>3415</v>
      </c>
    </row>
    <row r="5845" spans="1:3" ht="15.75">
      <c r="A5845" s="10">
        <v>5843</v>
      </c>
      <c r="B5845" s="11" t="s">
        <v>12</v>
      </c>
      <c r="C5845" s="12" t="s">
        <v>3415</v>
      </c>
    </row>
    <row r="5846" spans="1:3" ht="15.75">
      <c r="A5846" s="13">
        <v>5844</v>
      </c>
      <c r="B5846" s="11" t="s">
        <v>12</v>
      </c>
      <c r="C5846" s="12" t="s">
        <v>3415</v>
      </c>
    </row>
    <row r="5847" spans="1:3" ht="15.75">
      <c r="A5847" s="13">
        <v>5845</v>
      </c>
      <c r="B5847" s="11" t="s">
        <v>12</v>
      </c>
      <c r="C5847" s="12" t="s">
        <v>3415</v>
      </c>
    </row>
    <row r="5848" spans="1:3" ht="15.75">
      <c r="A5848" s="13">
        <v>5846</v>
      </c>
      <c r="B5848" s="11" t="s">
        <v>12</v>
      </c>
      <c r="C5848" s="12" t="s">
        <v>3415</v>
      </c>
    </row>
    <row r="5849" spans="1:3" ht="15.75">
      <c r="A5849" s="10">
        <v>5847</v>
      </c>
      <c r="B5849" s="11" t="s">
        <v>12</v>
      </c>
      <c r="C5849" s="12" t="s">
        <v>3415</v>
      </c>
    </row>
    <row r="5850" spans="1:3" ht="15.75">
      <c r="A5850" s="13">
        <v>5848</v>
      </c>
      <c r="B5850" s="11" t="s">
        <v>12</v>
      </c>
      <c r="C5850" s="12" t="s">
        <v>3415</v>
      </c>
    </row>
    <row r="5851" spans="1:3" ht="15.75">
      <c r="A5851" s="13">
        <v>5849</v>
      </c>
      <c r="B5851" s="11" t="s">
        <v>3463</v>
      </c>
      <c r="C5851" s="12" t="s">
        <v>3415</v>
      </c>
    </row>
    <row r="5852" spans="1:3" ht="15.75">
      <c r="A5852" s="13">
        <v>5850</v>
      </c>
      <c r="B5852" s="11" t="s">
        <v>3464</v>
      </c>
      <c r="C5852" s="12" t="s">
        <v>3415</v>
      </c>
    </row>
    <row r="5853" spans="1:3" ht="15.75">
      <c r="A5853" s="10">
        <v>5851</v>
      </c>
      <c r="B5853" s="11" t="s">
        <v>3465</v>
      </c>
      <c r="C5853" s="12" t="s">
        <v>3415</v>
      </c>
    </row>
    <row r="5854" spans="1:3" ht="15.75">
      <c r="A5854" s="13">
        <v>5852</v>
      </c>
      <c r="B5854" s="11" t="s">
        <v>1374</v>
      </c>
      <c r="C5854" s="12" t="s">
        <v>3415</v>
      </c>
    </row>
    <row r="5855" spans="1:3" ht="15.75">
      <c r="A5855" s="13">
        <v>5853</v>
      </c>
      <c r="B5855" s="11" t="s">
        <v>3467</v>
      </c>
      <c r="C5855" s="12" t="s">
        <v>3415</v>
      </c>
    </row>
    <row r="5856" spans="1:3" ht="15.75">
      <c r="A5856" s="13">
        <v>5854</v>
      </c>
      <c r="B5856" s="11" t="s">
        <v>3468</v>
      </c>
      <c r="C5856" s="12" t="s">
        <v>3415</v>
      </c>
    </row>
    <row r="5857" spans="1:3" ht="15.75">
      <c r="A5857" s="10">
        <v>5855</v>
      </c>
      <c r="B5857" s="11" t="s">
        <v>3469</v>
      </c>
      <c r="C5857" s="12" t="s">
        <v>3415</v>
      </c>
    </row>
    <row r="5858" spans="1:3" ht="15.75">
      <c r="A5858" s="13">
        <v>5856</v>
      </c>
      <c r="B5858" s="45" t="s">
        <v>3302</v>
      </c>
      <c r="C5858" s="12" t="s">
        <v>3415</v>
      </c>
    </row>
    <row r="5859" spans="1:3" ht="15.75">
      <c r="A5859" s="13">
        <v>5857</v>
      </c>
      <c r="B5859" s="45" t="s">
        <v>12</v>
      </c>
      <c r="C5859" s="12" t="s">
        <v>3415</v>
      </c>
    </row>
    <row r="5860" spans="1:3" ht="15.75">
      <c r="A5860" s="13">
        <v>5858</v>
      </c>
      <c r="B5860" s="45" t="s">
        <v>12</v>
      </c>
      <c r="C5860" s="12" t="s">
        <v>3415</v>
      </c>
    </row>
    <row r="5861" spans="1:3" ht="15.75">
      <c r="A5861" s="10">
        <v>5859</v>
      </c>
      <c r="B5861" s="45" t="s">
        <v>12</v>
      </c>
      <c r="C5861" s="12" t="s">
        <v>3415</v>
      </c>
    </row>
    <row r="5862" spans="1:3" ht="31.5">
      <c r="A5862" s="13">
        <v>5860</v>
      </c>
      <c r="B5862" s="45" t="s">
        <v>3470</v>
      </c>
      <c r="C5862" s="12" t="s">
        <v>3415</v>
      </c>
    </row>
    <row r="5863" spans="1:3" ht="15.75">
      <c r="A5863" s="13">
        <v>5861</v>
      </c>
      <c r="B5863" s="45" t="s">
        <v>12</v>
      </c>
      <c r="C5863" s="12" t="s">
        <v>3415</v>
      </c>
    </row>
    <row r="5864" spans="1:3" ht="15.75">
      <c r="A5864" s="13">
        <v>5862</v>
      </c>
      <c r="B5864" s="45" t="s">
        <v>3471</v>
      </c>
      <c r="C5864" s="12" t="s">
        <v>3415</v>
      </c>
    </row>
    <row r="5865" spans="1:3" ht="15.75">
      <c r="A5865" s="10">
        <v>5863</v>
      </c>
      <c r="B5865" s="45" t="s">
        <v>3472</v>
      </c>
      <c r="C5865" s="12" t="s">
        <v>3415</v>
      </c>
    </row>
    <row r="5866" spans="1:3" ht="15.75">
      <c r="A5866" s="13">
        <v>5864</v>
      </c>
      <c r="B5866" s="45" t="s">
        <v>12</v>
      </c>
      <c r="C5866" s="12" t="s">
        <v>3415</v>
      </c>
    </row>
    <row r="5867" spans="1:3" ht="15.75">
      <c r="A5867" s="13">
        <v>5865</v>
      </c>
      <c r="B5867" s="45" t="s">
        <v>3473</v>
      </c>
      <c r="C5867" s="12" t="s">
        <v>3415</v>
      </c>
    </row>
    <row r="5868" spans="1:3" ht="15.75">
      <c r="A5868" s="13">
        <v>5866</v>
      </c>
      <c r="B5868" s="45" t="s">
        <v>3474</v>
      </c>
      <c r="C5868" s="12" t="s">
        <v>3415</v>
      </c>
    </row>
    <row r="5869" spans="1:3" ht="15.75">
      <c r="A5869" s="10">
        <v>5867</v>
      </c>
      <c r="B5869" s="45" t="s">
        <v>3468</v>
      </c>
      <c r="C5869" s="12" t="s">
        <v>3415</v>
      </c>
    </row>
    <row r="5870" spans="1:3" ht="15.75">
      <c r="A5870" s="13">
        <v>5868</v>
      </c>
      <c r="B5870" s="45" t="s">
        <v>3468</v>
      </c>
      <c r="C5870" s="12" t="s">
        <v>3415</v>
      </c>
    </row>
    <row r="5871" spans="1:3" ht="15.75">
      <c r="A5871" s="13">
        <v>5869</v>
      </c>
      <c r="B5871" s="45" t="s">
        <v>3475</v>
      </c>
      <c r="C5871" s="12" t="s">
        <v>3415</v>
      </c>
    </row>
    <row r="5872" spans="1:3" ht="15.75">
      <c r="A5872" s="13">
        <v>5870</v>
      </c>
      <c r="B5872" s="45" t="s">
        <v>3476</v>
      </c>
      <c r="C5872" s="12" t="s">
        <v>3415</v>
      </c>
    </row>
    <row r="5873" spans="1:3" ht="15.75">
      <c r="A5873" s="10">
        <v>5871</v>
      </c>
      <c r="B5873" s="45" t="s">
        <v>12</v>
      </c>
      <c r="C5873" s="12" t="s">
        <v>3415</v>
      </c>
    </row>
    <row r="5874" spans="1:3" ht="15.75">
      <c r="A5874" s="13">
        <v>5872</v>
      </c>
      <c r="B5874" s="45" t="s">
        <v>12</v>
      </c>
      <c r="C5874" s="12" t="s">
        <v>3415</v>
      </c>
    </row>
    <row r="5875" spans="1:3" ht="15.75">
      <c r="A5875" s="13">
        <v>5873</v>
      </c>
      <c r="B5875" s="45" t="s">
        <v>12</v>
      </c>
      <c r="C5875" s="12" t="s">
        <v>3415</v>
      </c>
    </row>
    <row r="5876" spans="1:3" ht="15.75">
      <c r="A5876" s="13">
        <v>5874</v>
      </c>
      <c r="B5876" s="45" t="s">
        <v>3468</v>
      </c>
      <c r="C5876" s="12" t="s">
        <v>3415</v>
      </c>
    </row>
    <row r="5877" spans="1:3" ht="15.75">
      <c r="A5877" s="10">
        <v>5875</v>
      </c>
      <c r="B5877" s="45" t="s">
        <v>3477</v>
      </c>
      <c r="C5877" s="12" t="s">
        <v>3415</v>
      </c>
    </row>
    <row r="5878" spans="1:3" ht="15.75">
      <c r="A5878" s="13">
        <v>5876</v>
      </c>
      <c r="B5878" s="45" t="s">
        <v>3479</v>
      </c>
      <c r="C5878" s="12" t="s">
        <v>3415</v>
      </c>
    </row>
    <row r="5879" spans="1:3" ht="15.75">
      <c r="A5879" s="13">
        <v>5877</v>
      </c>
      <c r="B5879" s="45" t="s">
        <v>3468</v>
      </c>
      <c r="C5879" s="12" t="s">
        <v>3415</v>
      </c>
    </row>
    <row r="5880" spans="1:3" ht="15.75">
      <c r="A5880" s="13">
        <v>5878</v>
      </c>
      <c r="B5880" s="11" t="s">
        <v>3480</v>
      </c>
      <c r="C5880" s="12" t="s">
        <v>3415</v>
      </c>
    </row>
    <row r="5881" spans="1:3" ht="15.75">
      <c r="A5881" s="10">
        <v>5879</v>
      </c>
      <c r="B5881" s="11" t="s">
        <v>3481</v>
      </c>
      <c r="C5881" s="12" t="s">
        <v>3415</v>
      </c>
    </row>
    <row r="5882" spans="1:3" ht="15.75">
      <c r="A5882" s="13">
        <v>5880</v>
      </c>
      <c r="B5882" s="11" t="s">
        <v>3474</v>
      </c>
      <c r="C5882" s="12" t="s">
        <v>3415</v>
      </c>
    </row>
    <row r="5883" spans="1:3" ht="15.75">
      <c r="A5883" s="13">
        <v>5881</v>
      </c>
      <c r="B5883" s="11" t="s">
        <v>3474</v>
      </c>
      <c r="C5883" s="12" t="s">
        <v>3415</v>
      </c>
    </row>
    <row r="5884" spans="1:3" ht="15.75">
      <c r="A5884" s="13">
        <v>5882</v>
      </c>
      <c r="B5884" s="11" t="s">
        <v>3474</v>
      </c>
      <c r="C5884" s="12" t="s">
        <v>3415</v>
      </c>
    </row>
    <row r="5885" spans="1:3" ht="15.75">
      <c r="A5885" s="10">
        <v>5883</v>
      </c>
      <c r="B5885" s="11" t="s">
        <v>3474</v>
      </c>
      <c r="C5885" s="12" t="s">
        <v>3415</v>
      </c>
    </row>
    <row r="5886" spans="1:3" ht="15.75">
      <c r="A5886" s="13">
        <v>5884</v>
      </c>
      <c r="B5886" s="11" t="s">
        <v>3474</v>
      </c>
      <c r="C5886" s="12" t="s">
        <v>3415</v>
      </c>
    </row>
    <row r="5887" spans="1:3" ht="15.75">
      <c r="A5887" s="13">
        <v>5885</v>
      </c>
      <c r="B5887" s="11" t="s">
        <v>3468</v>
      </c>
      <c r="C5887" s="12" t="s">
        <v>3415</v>
      </c>
    </row>
    <row r="5888" spans="1:3" ht="15.75">
      <c r="A5888" s="13">
        <v>5886</v>
      </c>
      <c r="B5888" s="11" t="s">
        <v>3482</v>
      </c>
      <c r="C5888" s="12" t="s">
        <v>3415</v>
      </c>
    </row>
    <row r="5889" spans="1:3" ht="15.75">
      <c r="A5889" s="10">
        <v>5887</v>
      </c>
      <c r="B5889" s="11" t="s">
        <v>3483</v>
      </c>
      <c r="C5889" s="12" t="s">
        <v>3415</v>
      </c>
    </row>
    <row r="5890" spans="1:3" ht="15.75">
      <c r="A5890" s="13">
        <v>5888</v>
      </c>
      <c r="B5890" s="11" t="s">
        <v>3484</v>
      </c>
      <c r="C5890" s="12" t="s">
        <v>3415</v>
      </c>
    </row>
    <row r="5891" spans="1:3" ht="15.75">
      <c r="A5891" s="13">
        <v>5889</v>
      </c>
      <c r="B5891" s="11" t="s">
        <v>3485</v>
      </c>
      <c r="C5891" s="12" t="s">
        <v>3415</v>
      </c>
    </row>
    <row r="5892" spans="1:3" ht="15.75">
      <c r="A5892" s="13">
        <v>5890</v>
      </c>
      <c r="B5892" s="11" t="s">
        <v>3485</v>
      </c>
      <c r="C5892" s="12" t="s">
        <v>3415</v>
      </c>
    </row>
    <row r="5893" spans="1:3" ht="15.75">
      <c r="A5893" s="10">
        <v>5891</v>
      </c>
      <c r="B5893" s="11" t="s">
        <v>3485</v>
      </c>
      <c r="C5893" s="12" t="s">
        <v>3415</v>
      </c>
    </row>
    <row r="5894" spans="1:3" ht="15.75">
      <c r="A5894" s="13">
        <v>5892</v>
      </c>
      <c r="B5894" s="11" t="s">
        <v>3486</v>
      </c>
      <c r="C5894" s="12" t="s">
        <v>3415</v>
      </c>
    </row>
    <row r="5895" spans="1:3" ht="31.5">
      <c r="A5895" s="13">
        <v>5893</v>
      </c>
      <c r="B5895" s="11" t="s">
        <v>3487</v>
      </c>
      <c r="C5895" s="12" t="s">
        <v>3415</v>
      </c>
    </row>
    <row r="5896" spans="1:3" ht="15.75">
      <c r="A5896" s="13">
        <v>5894</v>
      </c>
      <c r="B5896" s="11" t="s">
        <v>3488</v>
      </c>
      <c r="C5896" s="12" t="s">
        <v>3415</v>
      </c>
    </row>
    <row r="5897" spans="1:3" ht="15.75">
      <c r="A5897" s="10">
        <v>5895</v>
      </c>
      <c r="B5897" s="11" t="s">
        <v>3489</v>
      </c>
      <c r="C5897" s="12" t="s">
        <v>3415</v>
      </c>
    </row>
    <row r="5898" spans="1:3" ht="15.75">
      <c r="A5898" s="13">
        <v>5896</v>
      </c>
      <c r="B5898" s="11" t="s">
        <v>3490</v>
      </c>
      <c r="C5898" s="12" t="s">
        <v>3415</v>
      </c>
    </row>
    <row r="5899" spans="1:3" ht="15.75">
      <c r="A5899" s="13">
        <v>5897</v>
      </c>
      <c r="B5899" s="11" t="s">
        <v>3491</v>
      </c>
      <c r="C5899" s="12" t="s">
        <v>3415</v>
      </c>
    </row>
    <row r="5900" spans="1:3" ht="15.75">
      <c r="A5900" s="13">
        <v>5898</v>
      </c>
      <c r="B5900" s="11" t="s">
        <v>12</v>
      </c>
      <c r="C5900" s="12" t="s">
        <v>3415</v>
      </c>
    </row>
    <row r="5901" spans="1:3" ht="15.75">
      <c r="A5901" s="10">
        <v>5899</v>
      </c>
      <c r="B5901" s="11" t="s">
        <v>3492</v>
      </c>
      <c r="C5901" s="12" t="s">
        <v>3415</v>
      </c>
    </row>
    <row r="5902" spans="1:3" ht="15.75">
      <c r="A5902" s="13">
        <v>5900</v>
      </c>
      <c r="B5902" s="11" t="s">
        <v>3493</v>
      </c>
      <c r="C5902" s="12" t="s">
        <v>3415</v>
      </c>
    </row>
    <row r="5903" spans="1:3" ht="15.75">
      <c r="A5903" s="13">
        <v>5901</v>
      </c>
      <c r="B5903" s="11" t="s">
        <v>3494</v>
      </c>
      <c r="C5903" s="12" t="s">
        <v>3415</v>
      </c>
    </row>
    <row r="5904" spans="1:3" ht="15.75">
      <c r="A5904" s="13">
        <v>5902</v>
      </c>
      <c r="B5904" s="11" t="s">
        <v>3495</v>
      </c>
      <c r="C5904" s="12" t="s">
        <v>3415</v>
      </c>
    </row>
    <row r="5905" spans="1:3" ht="31.5">
      <c r="A5905" s="10">
        <v>5903</v>
      </c>
      <c r="B5905" s="11" t="s">
        <v>3496</v>
      </c>
      <c r="C5905" s="12" t="s">
        <v>3415</v>
      </c>
    </row>
    <row r="5906" spans="1:3" ht="31.5">
      <c r="A5906" s="13">
        <v>5904</v>
      </c>
      <c r="B5906" s="11" t="s">
        <v>3497</v>
      </c>
      <c r="C5906" s="12" t="s">
        <v>3415</v>
      </c>
    </row>
    <row r="5907" spans="1:3" ht="15.75">
      <c r="A5907" s="13">
        <v>5905</v>
      </c>
      <c r="B5907" s="11" t="s">
        <v>3498</v>
      </c>
      <c r="C5907" s="12" t="s">
        <v>3415</v>
      </c>
    </row>
    <row r="5908" spans="1:3" ht="15.75">
      <c r="A5908" s="13">
        <v>5906</v>
      </c>
      <c r="B5908" s="11" t="s">
        <v>3468</v>
      </c>
      <c r="C5908" s="12" t="s">
        <v>3415</v>
      </c>
    </row>
    <row r="5909" spans="1:3" ht="15.75">
      <c r="A5909" s="10">
        <v>5907</v>
      </c>
      <c r="B5909" s="46" t="s">
        <v>3500</v>
      </c>
      <c r="C5909" s="12" t="s">
        <v>3415</v>
      </c>
    </row>
    <row r="5910" spans="1:3" ht="47.25">
      <c r="A5910" s="13">
        <v>5908</v>
      </c>
      <c r="B5910" s="11" t="s">
        <v>3501</v>
      </c>
      <c r="C5910" s="12" t="s">
        <v>3415</v>
      </c>
    </row>
    <row r="5911" spans="1:3" ht="15.75">
      <c r="A5911" s="13">
        <v>5909</v>
      </c>
      <c r="B5911" s="11" t="s">
        <v>3502</v>
      </c>
      <c r="C5911" s="12" t="s">
        <v>3415</v>
      </c>
    </row>
    <row r="5912" spans="1:3" ht="15.75">
      <c r="A5912" s="13">
        <v>5910</v>
      </c>
      <c r="B5912" s="11" t="s">
        <v>3503</v>
      </c>
      <c r="C5912" s="12" t="s">
        <v>3415</v>
      </c>
    </row>
    <row r="5913" spans="1:3" ht="15.75">
      <c r="A5913" s="10">
        <v>5911</v>
      </c>
      <c r="B5913" s="11" t="s">
        <v>3504</v>
      </c>
      <c r="C5913" s="12" t="s">
        <v>3415</v>
      </c>
    </row>
    <row r="5914" spans="1:3" ht="15.75">
      <c r="A5914" s="13">
        <v>5912</v>
      </c>
      <c r="B5914" s="11" t="s">
        <v>3302</v>
      </c>
      <c r="C5914" s="12" t="s">
        <v>3415</v>
      </c>
    </row>
    <row r="5915" spans="1:3" ht="15.75">
      <c r="A5915" s="13">
        <v>5913</v>
      </c>
      <c r="B5915" s="11" t="s">
        <v>3302</v>
      </c>
      <c r="C5915" s="12" t="s">
        <v>3415</v>
      </c>
    </row>
    <row r="5916" spans="1:3" ht="15.75">
      <c r="A5916" s="13">
        <v>5914</v>
      </c>
      <c r="B5916" s="11" t="s">
        <v>3505</v>
      </c>
      <c r="C5916" s="12" t="s">
        <v>3415</v>
      </c>
    </row>
    <row r="5917" spans="1:3" ht="15.75">
      <c r="A5917" s="10">
        <v>5915</v>
      </c>
      <c r="B5917" s="11" t="s">
        <v>3506</v>
      </c>
      <c r="C5917" s="12" t="s">
        <v>3415</v>
      </c>
    </row>
    <row r="5918" spans="1:3" ht="15.75">
      <c r="A5918" s="13">
        <v>5916</v>
      </c>
      <c r="B5918" s="11" t="s">
        <v>3507</v>
      </c>
      <c r="C5918" s="12" t="s">
        <v>3415</v>
      </c>
    </row>
    <row r="5919" spans="1:3" ht="15.75">
      <c r="A5919" s="13">
        <v>5917</v>
      </c>
      <c r="B5919" s="11" t="s">
        <v>3508</v>
      </c>
      <c r="C5919" s="12" t="s">
        <v>3415</v>
      </c>
    </row>
    <row r="5920" spans="1:3" ht="15.75">
      <c r="A5920" s="13">
        <v>5918</v>
      </c>
      <c r="B5920" s="11" t="s">
        <v>3500</v>
      </c>
      <c r="C5920" s="12" t="s">
        <v>3415</v>
      </c>
    </row>
    <row r="5921" spans="1:3" ht="15.75">
      <c r="A5921" s="10">
        <v>5919</v>
      </c>
      <c r="B5921" s="11" t="s">
        <v>3509</v>
      </c>
      <c r="C5921" s="12" t="s">
        <v>3415</v>
      </c>
    </row>
    <row r="5922" spans="1:3" ht="15.75">
      <c r="A5922" s="13">
        <v>5920</v>
      </c>
      <c r="B5922" s="11" t="s">
        <v>3510</v>
      </c>
      <c r="C5922" s="12" t="s">
        <v>3415</v>
      </c>
    </row>
    <row r="5923" spans="1:3" ht="15.75">
      <c r="A5923" s="13">
        <v>5921</v>
      </c>
      <c r="B5923" s="11" t="s">
        <v>3509</v>
      </c>
      <c r="C5923" s="12" t="s">
        <v>3415</v>
      </c>
    </row>
    <row r="5924" spans="1:3" ht="15.75">
      <c r="A5924" s="13">
        <v>5922</v>
      </c>
      <c r="B5924" s="11" t="s">
        <v>3511</v>
      </c>
      <c r="C5924" s="12" t="s">
        <v>3415</v>
      </c>
    </row>
    <row r="5925" spans="1:3" ht="15.75">
      <c r="A5925" s="10">
        <v>5923</v>
      </c>
      <c r="B5925" s="11" t="s">
        <v>3512</v>
      </c>
      <c r="C5925" s="12" t="s">
        <v>3415</v>
      </c>
    </row>
    <row r="5926" spans="1:3" ht="15.75">
      <c r="A5926" s="13">
        <v>5924</v>
      </c>
      <c r="B5926" s="11" t="s">
        <v>3513</v>
      </c>
      <c r="C5926" s="12" t="s">
        <v>3415</v>
      </c>
    </row>
    <row r="5927" spans="1:3" ht="31.5">
      <c r="A5927" s="13">
        <v>5925</v>
      </c>
      <c r="B5927" s="11" t="s">
        <v>3514</v>
      </c>
      <c r="C5927" s="12" t="s">
        <v>3415</v>
      </c>
    </row>
    <row r="5928" spans="1:3" ht="15.75">
      <c r="A5928" s="13">
        <v>5926</v>
      </c>
      <c r="B5928" s="11" t="s">
        <v>3515</v>
      </c>
      <c r="C5928" s="12" t="s">
        <v>3415</v>
      </c>
    </row>
    <row r="5929" spans="1:3" ht="31.5">
      <c r="A5929" s="10">
        <v>5927</v>
      </c>
      <c r="B5929" s="11" t="s">
        <v>3516</v>
      </c>
      <c r="C5929" s="12" t="s">
        <v>3415</v>
      </c>
    </row>
    <row r="5930" spans="1:3" ht="31.5">
      <c r="A5930" s="13">
        <v>5928</v>
      </c>
      <c r="B5930" s="11" t="s">
        <v>3517</v>
      </c>
      <c r="C5930" s="12" t="s">
        <v>3415</v>
      </c>
    </row>
    <row r="5931" spans="1:3" ht="31.5">
      <c r="A5931" s="13">
        <v>5929</v>
      </c>
      <c r="B5931" s="11" t="s">
        <v>3517</v>
      </c>
      <c r="C5931" s="12" t="s">
        <v>3415</v>
      </c>
    </row>
    <row r="5932" spans="1:3" ht="31.5">
      <c r="A5932" s="13">
        <v>5930</v>
      </c>
      <c r="B5932" s="11" t="s">
        <v>3517</v>
      </c>
      <c r="C5932" s="12" t="s">
        <v>3415</v>
      </c>
    </row>
    <row r="5933" spans="1:3" ht="31.5">
      <c r="A5933" s="10">
        <v>5931</v>
      </c>
      <c r="B5933" s="11" t="s">
        <v>3517</v>
      </c>
      <c r="C5933" s="12" t="s">
        <v>3415</v>
      </c>
    </row>
    <row r="5934" spans="1:3" ht="15.75">
      <c r="A5934" s="13">
        <v>5932</v>
      </c>
      <c r="B5934" s="11" t="s">
        <v>3518</v>
      </c>
      <c r="C5934" s="12" t="s">
        <v>3415</v>
      </c>
    </row>
    <row r="5935" spans="1:3" ht="15.75">
      <c r="A5935" s="13">
        <v>5933</v>
      </c>
      <c r="B5935" s="11" t="s">
        <v>12</v>
      </c>
      <c r="C5935" s="12" t="s">
        <v>3415</v>
      </c>
    </row>
    <row r="5936" spans="1:3" ht="15.75">
      <c r="A5936" s="13">
        <v>5934</v>
      </c>
      <c r="B5936" s="11" t="s">
        <v>3519</v>
      </c>
      <c r="C5936" s="12" t="s">
        <v>3415</v>
      </c>
    </row>
    <row r="5937" spans="1:3" ht="15.75">
      <c r="A5937" s="10">
        <v>5935</v>
      </c>
      <c r="B5937" s="11" t="s">
        <v>12</v>
      </c>
      <c r="C5937" s="12" t="s">
        <v>3415</v>
      </c>
    </row>
    <row r="5938" spans="1:3" ht="15.75">
      <c r="A5938" s="13">
        <v>5936</v>
      </c>
      <c r="B5938" s="11" t="s">
        <v>3520</v>
      </c>
      <c r="C5938" s="12" t="s">
        <v>3415</v>
      </c>
    </row>
    <row r="5939" spans="1:3" ht="15.75">
      <c r="A5939" s="13">
        <v>5937</v>
      </c>
      <c r="B5939" s="11" t="s">
        <v>3521</v>
      </c>
      <c r="C5939" s="12" t="s">
        <v>3415</v>
      </c>
    </row>
    <row r="5940" spans="1:3" ht="15.75">
      <c r="A5940" s="13">
        <v>5938</v>
      </c>
      <c r="B5940" s="11" t="s">
        <v>3522</v>
      </c>
      <c r="C5940" s="12" t="s">
        <v>3415</v>
      </c>
    </row>
    <row r="5941" spans="1:3" ht="31.5">
      <c r="A5941" s="10">
        <v>5939</v>
      </c>
      <c r="B5941" s="11" t="s">
        <v>3523</v>
      </c>
      <c r="C5941" s="12" t="s">
        <v>3415</v>
      </c>
    </row>
    <row r="5942" spans="1:3" ht="31.5">
      <c r="A5942" s="13">
        <v>5940</v>
      </c>
      <c r="B5942" s="11" t="s">
        <v>3523</v>
      </c>
      <c r="C5942" s="12" t="s">
        <v>3415</v>
      </c>
    </row>
    <row r="5943" spans="1:3" ht="31.5">
      <c r="A5943" s="13">
        <v>5941</v>
      </c>
      <c r="B5943" s="11" t="s">
        <v>3523</v>
      </c>
      <c r="C5943" s="12" t="s">
        <v>3415</v>
      </c>
    </row>
    <row r="5944" spans="1:3" ht="31.5">
      <c r="A5944" s="13">
        <v>5942</v>
      </c>
      <c r="B5944" s="11" t="s">
        <v>3524</v>
      </c>
      <c r="C5944" s="12" t="s">
        <v>3415</v>
      </c>
    </row>
    <row r="5945" spans="1:3" ht="15.75">
      <c r="A5945" s="10">
        <v>5943</v>
      </c>
      <c r="B5945" s="11" t="s">
        <v>3525</v>
      </c>
      <c r="C5945" s="12" t="s">
        <v>3415</v>
      </c>
    </row>
    <row r="5946" spans="1:3" ht="15.75">
      <c r="A5946" s="13">
        <v>5944</v>
      </c>
      <c r="B5946" s="11" t="s">
        <v>3526</v>
      </c>
      <c r="C5946" s="12" t="s">
        <v>3415</v>
      </c>
    </row>
    <row r="5947" spans="1:3" ht="15.75">
      <c r="A5947" s="13">
        <v>5945</v>
      </c>
      <c r="B5947" s="11" t="s">
        <v>3526</v>
      </c>
      <c r="C5947" s="12" t="s">
        <v>3415</v>
      </c>
    </row>
    <row r="5948" spans="1:3" ht="15.75">
      <c r="A5948" s="13">
        <v>5946</v>
      </c>
      <c r="B5948" s="11" t="s">
        <v>3527</v>
      </c>
      <c r="C5948" s="12" t="s">
        <v>3415</v>
      </c>
    </row>
    <row r="5949" spans="1:3" ht="15.75">
      <c r="A5949" s="10">
        <v>5947</v>
      </c>
      <c r="B5949" s="11" t="s">
        <v>3528</v>
      </c>
      <c r="C5949" s="12" t="s">
        <v>3415</v>
      </c>
    </row>
    <row r="5950" spans="1:3" ht="31.5">
      <c r="A5950" s="13">
        <v>5948</v>
      </c>
      <c r="B5950" s="11" t="s">
        <v>3529</v>
      </c>
      <c r="C5950" s="12" t="s">
        <v>3415</v>
      </c>
    </row>
    <row r="5951" spans="1:3" ht="31.5">
      <c r="A5951" s="13">
        <v>5949</v>
      </c>
      <c r="B5951" s="11" t="s">
        <v>3529</v>
      </c>
      <c r="C5951" s="12" t="s">
        <v>3415</v>
      </c>
    </row>
    <row r="5952" spans="1:3" ht="31.5">
      <c r="A5952" s="13">
        <v>5950</v>
      </c>
      <c r="B5952" s="11" t="s">
        <v>3529</v>
      </c>
      <c r="C5952" s="12" t="s">
        <v>3415</v>
      </c>
    </row>
    <row r="5953" spans="1:3" ht="31.5">
      <c r="A5953" s="10">
        <v>5951</v>
      </c>
      <c r="B5953" s="11" t="s">
        <v>3530</v>
      </c>
      <c r="C5953" s="12" t="s">
        <v>3415</v>
      </c>
    </row>
    <row r="5954" spans="1:3" ht="15.75">
      <c r="A5954" s="13">
        <v>5952</v>
      </c>
      <c r="B5954" s="11" t="s">
        <v>3531</v>
      </c>
      <c r="C5954" s="12" t="s">
        <v>3415</v>
      </c>
    </row>
    <row r="5955" spans="1:3" ht="15.75">
      <c r="A5955" s="13">
        <v>5953</v>
      </c>
      <c r="B5955" s="11" t="s">
        <v>3531</v>
      </c>
      <c r="C5955" s="12" t="s">
        <v>3415</v>
      </c>
    </row>
    <row r="5956" spans="1:3" ht="15.75">
      <c r="A5956" s="13">
        <v>5954</v>
      </c>
      <c r="B5956" s="11" t="s">
        <v>3531</v>
      </c>
      <c r="C5956" s="12" t="s">
        <v>3415</v>
      </c>
    </row>
    <row r="5957" spans="1:3" ht="15.75">
      <c r="A5957" s="10">
        <v>5955</v>
      </c>
      <c r="B5957" s="11" t="s">
        <v>3531</v>
      </c>
      <c r="C5957" s="12" t="s">
        <v>3415</v>
      </c>
    </row>
    <row r="5958" spans="1:3" ht="15.75">
      <c r="A5958" s="13">
        <v>5956</v>
      </c>
      <c r="B5958" s="11" t="s">
        <v>3531</v>
      </c>
      <c r="C5958" s="12" t="s">
        <v>3415</v>
      </c>
    </row>
    <row r="5959" spans="1:3" ht="15.75">
      <c r="A5959" s="13">
        <v>5957</v>
      </c>
      <c r="B5959" s="11" t="s">
        <v>436</v>
      </c>
      <c r="C5959" s="12" t="s">
        <v>3415</v>
      </c>
    </row>
    <row r="5960" spans="1:3" ht="15.75">
      <c r="A5960" s="13">
        <v>5958</v>
      </c>
      <c r="B5960" s="11" t="s">
        <v>436</v>
      </c>
      <c r="C5960" s="12" t="s">
        <v>3415</v>
      </c>
    </row>
    <row r="5961" spans="1:3" ht="15.75">
      <c r="A5961" s="10">
        <v>5959</v>
      </c>
      <c r="B5961" s="11" t="s">
        <v>436</v>
      </c>
      <c r="C5961" s="12" t="s">
        <v>3415</v>
      </c>
    </row>
    <row r="5962" spans="1:3" ht="15.75">
      <c r="A5962" s="13">
        <v>5960</v>
      </c>
      <c r="B5962" s="11" t="s">
        <v>436</v>
      </c>
      <c r="C5962" s="12" t="s">
        <v>3415</v>
      </c>
    </row>
    <row r="5963" spans="1:3" ht="15.75">
      <c r="A5963" s="13">
        <v>5961</v>
      </c>
      <c r="B5963" s="11" t="s">
        <v>436</v>
      </c>
      <c r="C5963" s="12" t="s">
        <v>3415</v>
      </c>
    </row>
    <row r="5964" spans="1:3" ht="15.75">
      <c r="A5964" s="13">
        <v>5962</v>
      </c>
      <c r="B5964" s="11" t="s">
        <v>436</v>
      </c>
      <c r="C5964" s="12" t="s">
        <v>3415</v>
      </c>
    </row>
    <row r="5965" spans="1:3" ht="15.75">
      <c r="A5965" s="10">
        <v>5963</v>
      </c>
      <c r="B5965" s="11" t="s">
        <v>436</v>
      </c>
      <c r="C5965" s="12" t="s">
        <v>3415</v>
      </c>
    </row>
    <row r="5966" spans="1:3" ht="15.75">
      <c r="A5966" s="13">
        <v>5964</v>
      </c>
      <c r="B5966" s="11" t="s">
        <v>3532</v>
      </c>
      <c r="C5966" s="12" t="s">
        <v>3415</v>
      </c>
    </row>
    <row r="5967" spans="1:3" ht="15.75">
      <c r="A5967" s="13">
        <v>5965</v>
      </c>
      <c r="B5967" s="11" t="s">
        <v>3533</v>
      </c>
      <c r="C5967" s="12" t="s">
        <v>3415</v>
      </c>
    </row>
    <row r="5968" spans="1:3" ht="15.75">
      <c r="A5968" s="13">
        <v>5966</v>
      </c>
      <c r="B5968" s="11" t="s">
        <v>3534</v>
      </c>
      <c r="C5968" s="12" t="s">
        <v>3415</v>
      </c>
    </row>
    <row r="5969" spans="1:3" ht="15.75">
      <c r="A5969" s="10">
        <v>5967</v>
      </c>
      <c r="B5969" s="11" t="s">
        <v>3534</v>
      </c>
      <c r="C5969" s="12" t="s">
        <v>3415</v>
      </c>
    </row>
    <row r="5970" spans="1:3" ht="15.75">
      <c r="A5970" s="13">
        <v>5968</v>
      </c>
      <c r="B5970" s="11" t="s">
        <v>3534</v>
      </c>
      <c r="C5970" s="12" t="s">
        <v>3415</v>
      </c>
    </row>
    <row r="5971" spans="1:3" ht="15.75">
      <c r="A5971" s="13">
        <v>5969</v>
      </c>
      <c r="B5971" s="11" t="s">
        <v>3534</v>
      </c>
      <c r="C5971" s="12" t="s">
        <v>3415</v>
      </c>
    </row>
    <row r="5972" spans="1:3" ht="15.75">
      <c r="A5972" s="13">
        <v>5970</v>
      </c>
      <c r="B5972" s="11" t="s">
        <v>3539</v>
      </c>
      <c r="C5972" s="12" t="s">
        <v>3415</v>
      </c>
    </row>
    <row r="5973" spans="1:3" ht="31.5">
      <c r="A5973" s="10">
        <v>5971</v>
      </c>
      <c r="B5973" s="11" t="s">
        <v>3540</v>
      </c>
      <c r="C5973" s="12" t="s">
        <v>3415</v>
      </c>
    </row>
    <row r="5974" spans="1:3" ht="15.75">
      <c r="A5974" s="13">
        <v>5972</v>
      </c>
      <c r="B5974" s="11" t="s">
        <v>9</v>
      </c>
      <c r="C5974" s="12" t="s">
        <v>3415</v>
      </c>
    </row>
    <row r="5975" spans="1:3" ht="15.75">
      <c r="A5975" s="13">
        <v>5973</v>
      </c>
      <c r="B5975" s="11" t="s">
        <v>3541</v>
      </c>
      <c r="C5975" s="12" t="s">
        <v>3415</v>
      </c>
    </row>
    <row r="5976" spans="1:3" ht="15.75">
      <c r="A5976" s="13">
        <v>5974</v>
      </c>
      <c r="B5976" s="11" t="s">
        <v>3542</v>
      </c>
      <c r="C5976" s="12" t="s">
        <v>3415</v>
      </c>
    </row>
    <row r="5977" spans="1:3" ht="15.75">
      <c r="A5977" s="10">
        <v>5975</v>
      </c>
      <c r="B5977" s="11" t="s">
        <v>3543</v>
      </c>
      <c r="C5977" s="12" t="s">
        <v>3415</v>
      </c>
    </row>
    <row r="5978" spans="1:3" ht="15.75">
      <c r="A5978" s="13">
        <v>5976</v>
      </c>
      <c r="B5978" s="11" t="s">
        <v>3543</v>
      </c>
      <c r="C5978" s="12" t="s">
        <v>3415</v>
      </c>
    </row>
    <row r="5979" spans="1:3" ht="15.75">
      <c r="A5979" s="13">
        <v>5977</v>
      </c>
      <c r="B5979" s="11" t="s">
        <v>3543</v>
      </c>
      <c r="C5979" s="12" t="s">
        <v>3415</v>
      </c>
    </row>
    <row r="5980" spans="1:3" ht="15.75">
      <c r="A5980" s="13">
        <v>5978</v>
      </c>
      <c r="B5980" s="10" t="s">
        <v>3544</v>
      </c>
      <c r="C5980" s="12" t="s">
        <v>3415</v>
      </c>
    </row>
    <row r="5981" spans="1:3" ht="15.75">
      <c r="A5981" s="10">
        <v>5979</v>
      </c>
      <c r="B5981" s="10" t="s">
        <v>3545</v>
      </c>
      <c r="C5981" s="12" t="s">
        <v>3415</v>
      </c>
    </row>
    <row r="5982" spans="1:3" ht="15.75">
      <c r="A5982" s="13">
        <v>5980</v>
      </c>
      <c r="B5982" s="10" t="s">
        <v>3546</v>
      </c>
      <c r="C5982" s="12" t="s">
        <v>3415</v>
      </c>
    </row>
    <row r="5983" spans="1:3" ht="15.75">
      <c r="A5983" s="13">
        <v>5981</v>
      </c>
      <c r="B5983" s="10" t="s">
        <v>3544</v>
      </c>
      <c r="C5983" s="12" t="s">
        <v>3415</v>
      </c>
    </row>
    <row r="5984" spans="1:3" ht="15.75">
      <c r="A5984" s="13">
        <v>5982</v>
      </c>
      <c r="B5984" s="10" t="s">
        <v>3544</v>
      </c>
      <c r="C5984" s="12" t="s">
        <v>3415</v>
      </c>
    </row>
    <row r="5985" spans="1:3" ht="15.75">
      <c r="A5985" s="10">
        <v>5983</v>
      </c>
      <c r="B5985" s="10" t="s">
        <v>3544</v>
      </c>
      <c r="C5985" s="12" t="s">
        <v>3415</v>
      </c>
    </row>
    <row r="5986" spans="1:3" ht="15.75">
      <c r="A5986" s="13">
        <v>5984</v>
      </c>
      <c r="B5986" s="10" t="s">
        <v>3547</v>
      </c>
      <c r="C5986" s="12" t="s">
        <v>3415</v>
      </c>
    </row>
    <row r="5987" spans="1:3" ht="15.75">
      <c r="A5987" s="13">
        <v>5985</v>
      </c>
      <c r="B5987" s="10" t="s">
        <v>3544</v>
      </c>
      <c r="C5987" s="12" t="s">
        <v>3415</v>
      </c>
    </row>
    <row r="5988" spans="1:3" ht="15.75">
      <c r="A5988" s="13">
        <v>5986</v>
      </c>
      <c r="B5988" s="10" t="s">
        <v>3548</v>
      </c>
      <c r="C5988" s="12" t="s">
        <v>3415</v>
      </c>
    </row>
    <row r="5989" spans="1:3" ht="15.75">
      <c r="A5989" s="10">
        <v>5987</v>
      </c>
      <c r="B5989" s="10" t="s">
        <v>3549</v>
      </c>
      <c r="C5989" s="12" t="s">
        <v>3415</v>
      </c>
    </row>
    <row r="5990" spans="1:3" ht="15.75">
      <c r="A5990" s="13">
        <v>5988</v>
      </c>
      <c r="B5990" s="10" t="s">
        <v>3550</v>
      </c>
      <c r="C5990" s="12" t="s">
        <v>3415</v>
      </c>
    </row>
    <row r="5991" spans="1:3" ht="15.75">
      <c r="A5991" s="13">
        <v>5989</v>
      </c>
      <c r="B5991" s="10" t="s">
        <v>3550</v>
      </c>
      <c r="C5991" s="12" t="s">
        <v>3415</v>
      </c>
    </row>
    <row r="5992" spans="1:3" ht="31.5">
      <c r="A5992" s="13">
        <v>5990</v>
      </c>
      <c r="B5992" s="10" t="s">
        <v>3552</v>
      </c>
      <c r="C5992" s="12" t="s">
        <v>3415</v>
      </c>
    </row>
    <row r="5993" spans="1:3" ht="15.75">
      <c r="A5993" s="10">
        <v>5991</v>
      </c>
      <c r="B5993" s="11" t="s">
        <v>23</v>
      </c>
      <c r="C5993" s="12" t="s">
        <v>3415</v>
      </c>
    </row>
    <row r="5994" spans="1:3" ht="15.75">
      <c r="A5994" s="13">
        <v>5992</v>
      </c>
      <c r="B5994" s="10" t="s">
        <v>3553</v>
      </c>
      <c r="C5994" s="12" t="s">
        <v>3415</v>
      </c>
    </row>
    <row r="5995" spans="1:3" ht="15.75">
      <c r="A5995" s="13">
        <v>5993</v>
      </c>
      <c r="B5995" s="10" t="s">
        <v>3553</v>
      </c>
      <c r="C5995" s="12" t="s">
        <v>3415</v>
      </c>
    </row>
    <row r="5996" spans="1:3" ht="15.75">
      <c r="A5996" s="13">
        <v>5994</v>
      </c>
      <c r="B5996" s="10" t="s">
        <v>3554</v>
      </c>
      <c r="C5996" s="12" t="s">
        <v>3415</v>
      </c>
    </row>
    <row r="5997" spans="1:3" ht="31.5">
      <c r="A5997" s="10">
        <v>5995</v>
      </c>
      <c r="B5997" s="10" t="s">
        <v>3555</v>
      </c>
      <c r="C5997" s="12" t="s">
        <v>3415</v>
      </c>
    </row>
    <row r="5998" spans="1:3" ht="15.75">
      <c r="A5998" s="13">
        <v>5996</v>
      </c>
      <c r="B5998" s="10" t="s">
        <v>12</v>
      </c>
      <c r="C5998" s="12" t="s">
        <v>3415</v>
      </c>
    </row>
    <row r="5999" spans="1:3" ht="15.75">
      <c r="A5999" s="13">
        <v>5997</v>
      </c>
      <c r="B5999" s="10" t="s">
        <v>12</v>
      </c>
      <c r="C5999" s="12" t="s">
        <v>3415</v>
      </c>
    </row>
    <row r="6000" spans="1:3" ht="15.75">
      <c r="A6000" s="13">
        <v>5998</v>
      </c>
      <c r="B6000" s="34" t="s">
        <v>3556</v>
      </c>
      <c r="C6000" s="12" t="s">
        <v>3415</v>
      </c>
    </row>
    <row r="6001" spans="1:3" ht="15.75">
      <c r="A6001" s="10">
        <v>5999</v>
      </c>
      <c r="B6001" s="10" t="s">
        <v>3557</v>
      </c>
      <c r="C6001" s="12" t="s">
        <v>3415</v>
      </c>
    </row>
    <row r="6002" spans="1:3" ht="15.75">
      <c r="A6002" s="13">
        <v>6000</v>
      </c>
      <c r="B6002" s="15" t="s">
        <v>3558</v>
      </c>
      <c r="C6002" s="12" t="s">
        <v>3415</v>
      </c>
    </row>
    <row r="6003" spans="1:3" ht="15.75">
      <c r="A6003" s="13">
        <v>6001</v>
      </c>
      <c r="B6003" s="10" t="s">
        <v>3559</v>
      </c>
      <c r="C6003" s="12" t="s">
        <v>3415</v>
      </c>
    </row>
    <row r="6004" spans="1:3" ht="15.75">
      <c r="A6004" s="13">
        <v>6002</v>
      </c>
      <c r="B6004" s="10" t="s">
        <v>3560</v>
      </c>
      <c r="C6004" s="12" t="s">
        <v>3415</v>
      </c>
    </row>
    <row r="6005" spans="1:3" ht="15.75">
      <c r="A6005" s="10">
        <v>6003</v>
      </c>
      <c r="B6005" s="10" t="s">
        <v>12</v>
      </c>
      <c r="C6005" s="12" t="s">
        <v>3415</v>
      </c>
    </row>
    <row r="6006" spans="1:3" ht="15.75">
      <c r="A6006" s="13">
        <v>6004</v>
      </c>
      <c r="B6006" s="10" t="s">
        <v>3561</v>
      </c>
      <c r="C6006" s="12" t="s">
        <v>3415</v>
      </c>
    </row>
    <row r="6007" spans="1:3" ht="15.75">
      <c r="A6007" s="13">
        <v>6005</v>
      </c>
      <c r="B6007" s="10" t="s">
        <v>3562</v>
      </c>
      <c r="C6007" s="12" t="s">
        <v>3415</v>
      </c>
    </row>
    <row r="6008" spans="1:3" ht="15.75">
      <c r="A6008" s="13">
        <v>6006</v>
      </c>
      <c r="B6008" s="16" t="s">
        <v>12</v>
      </c>
      <c r="C6008" s="12" t="s">
        <v>3415</v>
      </c>
    </row>
    <row r="6009" spans="1:3" ht="15.75">
      <c r="A6009" s="10">
        <v>6007</v>
      </c>
      <c r="B6009" s="16" t="s">
        <v>12</v>
      </c>
      <c r="C6009" s="12" t="s">
        <v>3415</v>
      </c>
    </row>
    <row r="6010" spans="1:3" ht="15.75">
      <c r="A6010" s="13">
        <v>6008</v>
      </c>
      <c r="B6010" s="10" t="s">
        <v>412</v>
      </c>
      <c r="C6010" s="12" t="s">
        <v>3415</v>
      </c>
    </row>
    <row r="6011" spans="1:3" ht="15.75">
      <c r="A6011" s="13">
        <v>6009</v>
      </c>
      <c r="B6011" s="10" t="s">
        <v>412</v>
      </c>
      <c r="C6011" s="12" t="s">
        <v>3415</v>
      </c>
    </row>
    <row r="6012" spans="1:3" ht="15.75">
      <c r="A6012" s="13">
        <v>6010</v>
      </c>
      <c r="B6012" s="26" t="s">
        <v>3563</v>
      </c>
      <c r="C6012" s="12" t="s">
        <v>3415</v>
      </c>
    </row>
    <row r="6013" spans="1:3" ht="15.75">
      <c r="A6013" s="10">
        <v>6011</v>
      </c>
      <c r="B6013" s="26" t="s">
        <v>3564</v>
      </c>
      <c r="C6013" s="12" t="s">
        <v>3415</v>
      </c>
    </row>
    <row r="6014" spans="1:3" ht="15.75">
      <c r="A6014" s="13">
        <v>6012</v>
      </c>
      <c r="B6014" s="26" t="s">
        <v>3544</v>
      </c>
      <c r="C6014" s="12" t="s">
        <v>3415</v>
      </c>
    </row>
    <row r="6015" spans="1:3" ht="31.5">
      <c r="A6015" s="13">
        <v>6013</v>
      </c>
      <c r="B6015" s="26" t="s">
        <v>3565</v>
      </c>
      <c r="C6015" s="12" t="s">
        <v>3415</v>
      </c>
    </row>
    <row r="6016" spans="1:3" ht="31.5">
      <c r="A6016" s="13">
        <v>6014</v>
      </c>
      <c r="B6016" s="26" t="s">
        <v>3566</v>
      </c>
      <c r="C6016" s="12" t="s">
        <v>3415</v>
      </c>
    </row>
    <row r="6017" spans="1:3" ht="15.75">
      <c r="A6017" s="10">
        <v>6015</v>
      </c>
      <c r="B6017" s="26" t="s">
        <v>3518</v>
      </c>
      <c r="C6017" s="12" t="s">
        <v>3415</v>
      </c>
    </row>
    <row r="6018" spans="1:3" ht="31.5">
      <c r="A6018" s="13">
        <v>6016</v>
      </c>
      <c r="B6018" s="26" t="s">
        <v>3567</v>
      </c>
      <c r="C6018" s="12" t="s">
        <v>3415</v>
      </c>
    </row>
    <row r="6019" spans="1:3" ht="31.5">
      <c r="A6019" s="13">
        <v>6017</v>
      </c>
      <c r="B6019" s="26" t="s">
        <v>3568</v>
      </c>
      <c r="C6019" s="12" t="s">
        <v>3415</v>
      </c>
    </row>
    <row r="6020" spans="1:3" ht="15.75">
      <c r="A6020" s="13">
        <v>6018</v>
      </c>
      <c r="B6020" s="26" t="s">
        <v>12</v>
      </c>
      <c r="C6020" s="12" t="s">
        <v>3415</v>
      </c>
    </row>
    <row r="6021" spans="1:3" ht="15.75">
      <c r="A6021" s="10">
        <v>6019</v>
      </c>
      <c r="B6021" s="26" t="s">
        <v>23</v>
      </c>
      <c r="C6021" s="12" t="s">
        <v>3415</v>
      </c>
    </row>
    <row r="6022" spans="1:3" ht="31.5">
      <c r="A6022" s="13">
        <v>6020</v>
      </c>
      <c r="B6022" s="26" t="s">
        <v>3565</v>
      </c>
      <c r="C6022" s="12" t="s">
        <v>3415</v>
      </c>
    </row>
    <row r="6023" spans="1:3" ht="31.5">
      <c r="A6023" s="13">
        <v>6021</v>
      </c>
      <c r="B6023" s="26" t="s">
        <v>3565</v>
      </c>
      <c r="C6023" s="12" t="s">
        <v>3415</v>
      </c>
    </row>
    <row r="6024" spans="1:3" ht="15.75">
      <c r="A6024" s="13">
        <v>6022</v>
      </c>
      <c r="B6024" s="26" t="s">
        <v>12</v>
      </c>
      <c r="C6024" s="12" t="s">
        <v>3415</v>
      </c>
    </row>
    <row r="6025" spans="1:3" ht="15.75">
      <c r="A6025" s="10">
        <v>6023</v>
      </c>
      <c r="B6025" s="39" t="s">
        <v>3569</v>
      </c>
      <c r="C6025" s="12" t="s">
        <v>3415</v>
      </c>
    </row>
    <row r="6026" spans="1:3" ht="31.5">
      <c r="A6026" s="13">
        <v>6024</v>
      </c>
      <c r="B6026" s="10" t="s">
        <v>3570</v>
      </c>
      <c r="C6026" s="12" t="s">
        <v>3415</v>
      </c>
    </row>
    <row r="6027" spans="1:3" ht="15.75">
      <c r="A6027" s="13">
        <v>6025</v>
      </c>
      <c r="B6027" s="10" t="s">
        <v>3571</v>
      </c>
      <c r="C6027" s="12" t="s">
        <v>3415</v>
      </c>
    </row>
    <row r="6028" spans="1:3" ht="15.75">
      <c r="A6028" s="13">
        <v>6026</v>
      </c>
      <c r="B6028" s="17" t="s">
        <v>3572</v>
      </c>
      <c r="C6028" s="12" t="s">
        <v>3415</v>
      </c>
    </row>
    <row r="6029" spans="1:3" ht="31.5">
      <c r="A6029" s="10">
        <v>6027</v>
      </c>
      <c r="B6029" s="24" t="s">
        <v>3573</v>
      </c>
      <c r="C6029" s="12" t="s">
        <v>3415</v>
      </c>
    </row>
    <row r="6030" spans="1:3" ht="31.5">
      <c r="A6030" s="13">
        <v>6028</v>
      </c>
      <c r="B6030" s="10" t="s">
        <v>3574</v>
      </c>
      <c r="C6030" s="12" t="s">
        <v>3415</v>
      </c>
    </row>
    <row r="6031" spans="1:3" ht="15.75">
      <c r="A6031" s="13">
        <v>6029</v>
      </c>
      <c r="B6031" s="10" t="s">
        <v>3575</v>
      </c>
      <c r="C6031" s="12" t="s">
        <v>3415</v>
      </c>
    </row>
    <row r="6032" spans="1:3" ht="15.75">
      <c r="A6032" s="13">
        <v>6030</v>
      </c>
      <c r="B6032" s="10" t="s">
        <v>3576</v>
      </c>
      <c r="C6032" s="12" t="s">
        <v>3415</v>
      </c>
    </row>
    <row r="6033" spans="1:3" ht="31.5">
      <c r="A6033" s="10">
        <v>6031</v>
      </c>
      <c r="B6033" s="10" t="s">
        <v>3577</v>
      </c>
      <c r="C6033" s="12" t="s">
        <v>3415</v>
      </c>
    </row>
    <row r="6034" spans="1:3" ht="47.25">
      <c r="A6034" s="13">
        <v>6032</v>
      </c>
      <c r="B6034" s="10" t="s">
        <v>3579</v>
      </c>
      <c r="C6034" s="12" t="s">
        <v>3415</v>
      </c>
    </row>
    <row r="6035" spans="1:3" ht="47.25">
      <c r="A6035" s="13">
        <v>6033</v>
      </c>
      <c r="B6035" s="10" t="s">
        <v>3579</v>
      </c>
      <c r="C6035" s="12" t="s">
        <v>3415</v>
      </c>
    </row>
    <row r="6036" spans="1:3" ht="15.75">
      <c r="A6036" s="13">
        <v>6034</v>
      </c>
      <c r="B6036" s="15" t="s">
        <v>3580</v>
      </c>
      <c r="C6036" s="12" t="s">
        <v>3415</v>
      </c>
    </row>
    <row r="6037" spans="1:3" ht="15.75">
      <c r="A6037" s="10">
        <v>6035</v>
      </c>
      <c r="B6037" s="26" t="s">
        <v>12</v>
      </c>
      <c r="C6037" s="12" t="s">
        <v>3415</v>
      </c>
    </row>
    <row r="6038" spans="1:3" ht="15.75">
      <c r="A6038" s="13">
        <v>6036</v>
      </c>
      <c r="B6038" s="26" t="s">
        <v>12</v>
      </c>
      <c r="C6038" s="12" t="s">
        <v>3415</v>
      </c>
    </row>
    <row r="6039" spans="1:3" ht="15.75">
      <c r="A6039" s="13">
        <v>6037</v>
      </c>
      <c r="B6039" s="26" t="s">
        <v>12</v>
      </c>
      <c r="C6039" s="12" t="s">
        <v>3415</v>
      </c>
    </row>
    <row r="6040" spans="1:3" ht="15.75">
      <c r="A6040" s="13">
        <v>6038</v>
      </c>
      <c r="B6040" s="26" t="s">
        <v>12</v>
      </c>
      <c r="C6040" s="12" t="s">
        <v>3415</v>
      </c>
    </row>
    <row r="6041" spans="1:3" ht="15.75">
      <c r="A6041" s="10">
        <v>6039</v>
      </c>
      <c r="B6041" s="26" t="s">
        <v>12</v>
      </c>
      <c r="C6041" s="12" t="s">
        <v>3415</v>
      </c>
    </row>
    <row r="6042" spans="1:3" ht="15.75">
      <c r="A6042" s="13">
        <v>6040</v>
      </c>
      <c r="B6042" s="30" t="s">
        <v>12</v>
      </c>
      <c r="C6042" s="12" t="s">
        <v>3415</v>
      </c>
    </row>
    <row r="6043" spans="1:3" ht="15.75">
      <c r="A6043" s="13">
        <v>6041</v>
      </c>
      <c r="B6043" s="26" t="s">
        <v>3581</v>
      </c>
      <c r="C6043" s="12" t="s">
        <v>3415</v>
      </c>
    </row>
    <row r="6044" spans="1:3" ht="15.75">
      <c r="A6044" s="13">
        <v>6042</v>
      </c>
      <c r="B6044" s="26" t="s">
        <v>3581</v>
      </c>
      <c r="C6044" s="12" t="s">
        <v>3415</v>
      </c>
    </row>
    <row r="6045" spans="1:3" ht="15.75">
      <c r="A6045" s="10">
        <v>6043</v>
      </c>
      <c r="B6045" s="17" t="s">
        <v>3582</v>
      </c>
      <c r="C6045" s="12" t="s">
        <v>3415</v>
      </c>
    </row>
    <row r="6046" spans="1:3" ht="15.75">
      <c r="A6046" s="13">
        <v>6044</v>
      </c>
      <c r="B6046" s="30" t="s">
        <v>12</v>
      </c>
      <c r="C6046" s="12" t="s">
        <v>3415</v>
      </c>
    </row>
    <row r="6047" spans="1:3" ht="15.75">
      <c r="A6047" s="13">
        <v>6045</v>
      </c>
      <c r="B6047" s="15" t="s">
        <v>12</v>
      </c>
      <c r="C6047" s="12" t="s">
        <v>3415</v>
      </c>
    </row>
    <row r="6048" spans="1:3" ht="31.5">
      <c r="A6048" s="13">
        <v>6046</v>
      </c>
      <c r="B6048" s="10" t="s">
        <v>3583</v>
      </c>
      <c r="C6048" s="12" t="s">
        <v>3415</v>
      </c>
    </row>
    <row r="6049" spans="1:3" ht="31.5">
      <c r="A6049" s="10">
        <v>6047</v>
      </c>
      <c r="B6049" s="10" t="s">
        <v>3583</v>
      </c>
      <c r="C6049" s="12" t="s">
        <v>3415</v>
      </c>
    </row>
    <row r="6050" spans="1:3" ht="15.75">
      <c r="A6050" s="13">
        <v>6048</v>
      </c>
      <c r="B6050" s="10" t="s">
        <v>12</v>
      </c>
      <c r="C6050" s="12" t="s">
        <v>3415</v>
      </c>
    </row>
    <row r="6051" spans="1:3" ht="15.75">
      <c r="A6051" s="13">
        <v>6049</v>
      </c>
      <c r="B6051" s="17" t="s">
        <v>3584</v>
      </c>
      <c r="C6051" s="12" t="s">
        <v>3415</v>
      </c>
    </row>
    <row r="6052" spans="1:3" ht="15.75">
      <c r="A6052" s="13">
        <v>6050</v>
      </c>
      <c r="B6052" s="11" t="s">
        <v>3587</v>
      </c>
      <c r="C6052" s="12" t="s">
        <v>3415</v>
      </c>
    </row>
    <row r="6053" spans="1:3" ht="15.75">
      <c r="A6053" s="10">
        <v>6051</v>
      </c>
      <c r="B6053" s="11" t="s">
        <v>3589</v>
      </c>
      <c r="C6053" s="12" t="s">
        <v>3415</v>
      </c>
    </row>
    <row r="6054" spans="1:3" ht="15.75">
      <c r="A6054" s="13">
        <v>6052</v>
      </c>
      <c r="B6054" s="11" t="s">
        <v>3590</v>
      </c>
      <c r="C6054" s="12" t="s">
        <v>3415</v>
      </c>
    </row>
    <row r="6055" spans="1:3" ht="15.75">
      <c r="A6055" s="13">
        <v>6053</v>
      </c>
      <c r="B6055" s="11" t="s">
        <v>3591</v>
      </c>
      <c r="C6055" s="12" t="s">
        <v>3415</v>
      </c>
    </row>
    <row r="6056" spans="1:3" ht="15.75">
      <c r="A6056" s="13">
        <v>6054</v>
      </c>
      <c r="B6056" s="11" t="s">
        <v>3591</v>
      </c>
      <c r="C6056" s="12" t="s">
        <v>3415</v>
      </c>
    </row>
    <row r="6057" spans="1:3" ht="15.75">
      <c r="A6057" s="10">
        <v>6055</v>
      </c>
      <c r="B6057" s="11" t="s">
        <v>3592</v>
      </c>
      <c r="C6057" s="12" t="s">
        <v>3415</v>
      </c>
    </row>
    <row r="6058" spans="1:3" ht="15.75">
      <c r="A6058" s="13">
        <v>6056</v>
      </c>
      <c r="B6058" s="11" t="s">
        <v>3392</v>
      </c>
      <c r="C6058" s="12" t="s">
        <v>3415</v>
      </c>
    </row>
    <row r="6059" spans="1:3" ht="15.75">
      <c r="A6059" s="13">
        <v>6057</v>
      </c>
      <c r="B6059" s="11" t="s">
        <v>3392</v>
      </c>
      <c r="C6059" s="12" t="s">
        <v>3415</v>
      </c>
    </row>
    <row r="6060" spans="1:3" ht="15.75">
      <c r="A6060" s="13">
        <v>6058</v>
      </c>
      <c r="B6060" s="11" t="s">
        <v>3593</v>
      </c>
      <c r="C6060" s="12" t="s">
        <v>3415</v>
      </c>
    </row>
    <row r="6061" spans="1:3" ht="15.75">
      <c r="A6061" s="10">
        <v>6059</v>
      </c>
      <c r="B6061" s="11" t="s">
        <v>3594</v>
      </c>
      <c r="C6061" s="12" t="s">
        <v>3415</v>
      </c>
    </row>
    <row r="6062" spans="1:3" ht="15.75">
      <c r="A6062" s="13">
        <v>6060</v>
      </c>
      <c r="B6062" s="11" t="s">
        <v>3594</v>
      </c>
      <c r="C6062" s="12" t="s">
        <v>3415</v>
      </c>
    </row>
    <row r="6063" spans="1:3" ht="15.75">
      <c r="A6063" s="13">
        <v>6061</v>
      </c>
      <c r="B6063" s="11" t="s">
        <v>3594</v>
      </c>
      <c r="C6063" s="12" t="s">
        <v>3415</v>
      </c>
    </row>
    <row r="6064" spans="1:3" ht="15.75">
      <c r="A6064" s="13">
        <v>6062</v>
      </c>
      <c r="B6064" s="11" t="s">
        <v>3595</v>
      </c>
      <c r="C6064" s="12" t="s">
        <v>3415</v>
      </c>
    </row>
    <row r="6065" spans="1:3" ht="15.75">
      <c r="A6065" s="10">
        <v>6063</v>
      </c>
      <c r="B6065" s="11" t="s">
        <v>3596</v>
      </c>
      <c r="C6065" s="12" t="s">
        <v>3415</v>
      </c>
    </row>
    <row r="6066" spans="1:3" ht="15.75">
      <c r="A6066" s="13">
        <v>6064</v>
      </c>
      <c r="B6066" s="11" t="s">
        <v>3596</v>
      </c>
      <c r="C6066" s="12" t="s">
        <v>3415</v>
      </c>
    </row>
    <row r="6067" spans="1:3" ht="15.75">
      <c r="A6067" s="13">
        <v>6065</v>
      </c>
      <c r="B6067" s="11" t="s">
        <v>459</v>
      </c>
      <c r="C6067" s="12" t="s">
        <v>3415</v>
      </c>
    </row>
    <row r="6068" spans="1:3" ht="15.75">
      <c r="A6068" s="13">
        <v>6066</v>
      </c>
      <c r="B6068" s="11" t="s">
        <v>331</v>
      </c>
      <c r="C6068" s="12" t="s">
        <v>3415</v>
      </c>
    </row>
    <row r="6069" spans="1:3" ht="15.75">
      <c r="A6069" s="10">
        <v>6067</v>
      </c>
      <c r="B6069" s="11" t="s">
        <v>3597</v>
      </c>
      <c r="C6069" s="12" t="s">
        <v>3415</v>
      </c>
    </row>
    <row r="6070" spans="1:3" ht="15.75">
      <c r="A6070" s="13">
        <v>6068</v>
      </c>
      <c r="B6070" s="11" t="s">
        <v>3598</v>
      </c>
      <c r="C6070" s="12" t="s">
        <v>3415</v>
      </c>
    </row>
    <row r="6071" spans="1:3" ht="15.75">
      <c r="A6071" s="13">
        <v>6069</v>
      </c>
      <c r="B6071" s="11" t="s">
        <v>3599</v>
      </c>
      <c r="C6071" s="12" t="s">
        <v>3415</v>
      </c>
    </row>
    <row r="6072" spans="1:3" ht="15.75">
      <c r="A6072" s="13">
        <v>6070</v>
      </c>
      <c r="B6072" s="11" t="s">
        <v>3600</v>
      </c>
      <c r="C6072" s="12" t="s">
        <v>3415</v>
      </c>
    </row>
    <row r="6073" spans="1:3" ht="15.75">
      <c r="A6073" s="10">
        <v>6071</v>
      </c>
      <c r="B6073" s="11" t="s">
        <v>3601</v>
      </c>
      <c r="C6073" s="12" t="s">
        <v>3415</v>
      </c>
    </row>
    <row r="6074" spans="1:3" ht="15.75">
      <c r="A6074" s="13">
        <v>6072</v>
      </c>
      <c r="B6074" s="11" t="s">
        <v>1742</v>
      </c>
      <c r="C6074" s="12" t="s">
        <v>3415</v>
      </c>
    </row>
    <row r="6075" spans="1:3" ht="15.75">
      <c r="A6075" s="13">
        <v>6073</v>
      </c>
      <c r="B6075" s="11" t="s">
        <v>3602</v>
      </c>
      <c r="C6075" s="12" t="s">
        <v>3415</v>
      </c>
    </row>
    <row r="6076" spans="1:3" ht="15.75">
      <c r="A6076" s="13">
        <v>6074</v>
      </c>
      <c r="B6076" s="11" t="s">
        <v>3602</v>
      </c>
      <c r="C6076" s="12" t="s">
        <v>3415</v>
      </c>
    </row>
    <row r="6077" spans="1:3" ht="15.75">
      <c r="A6077" s="10">
        <v>6075</v>
      </c>
      <c r="B6077" s="11" t="s">
        <v>3402</v>
      </c>
      <c r="C6077" s="12" t="s">
        <v>3415</v>
      </c>
    </row>
    <row r="6078" spans="1:3" ht="15.75">
      <c r="A6078" s="13">
        <v>6076</v>
      </c>
      <c r="B6078" s="11" t="s">
        <v>3603</v>
      </c>
      <c r="C6078" s="12" t="s">
        <v>3415</v>
      </c>
    </row>
    <row r="6079" spans="1:3" ht="15.75">
      <c r="A6079" s="13">
        <v>6077</v>
      </c>
      <c r="B6079" s="11" t="s">
        <v>1514</v>
      </c>
      <c r="C6079" s="12" t="s">
        <v>3415</v>
      </c>
    </row>
    <row r="6080" spans="1:3" ht="15.75">
      <c r="A6080" s="13">
        <v>6078</v>
      </c>
      <c r="B6080" s="11" t="s">
        <v>1514</v>
      </c>
      <c r="C6080" s="12" t="s">
        <v>3415</v>
      </c>
    </row>
    <row r="6081" spans="1:3" ht="15.75">
      <c r="A6081" s="10">
        <v>6079</v>
      </c>
      <c r="B6081" s="11" t="s">
        <v>3604</v>
      </c>
      <c r="C6081" s="12" t="s">
        <v>3415</v>
      </c>
    </row>
    <row r="6082" spans="1:3" ht="15.75">
      <c r="A6082" s="13">
        <v>6080</v>
      </c>
      <c r="B6082" s="11" t="s">
        <v>3605</v>
      </c>
      <c r="C6082" s="12" t="s">
        <v>3415</v>
      </c>
    </row>
    <row r="6083" spans="1:3" ht="15.75">
      <c r="A6083" s="13">
        <v>6081</v>
      </c>
      <c r="B6083" s="11" t="s">
        <v>3605</v>
      </c>
      <c r="C6083" s="12" t="s">
        <v>3415</v>
      </c>
    </row>
    <row r="6084" spans="1:3" ht="15.75">
      <c r="A6084" s="13">
        <v>6082</v>
      </c>
      <c r="B6084" s="11" t="s">
        <v>3605</v>
      </c>
      <c r="C6084" s="12" t="s">
        <v>3415</v>
      </c>
    </row>
    <row r="6085" spans="1:3" ht="15.75">
      <c r="A6085" s="10">
        <v>6083</v>
      </c>
      <c r="B6085" s="11" t="s">
        <v>3605</v>
      </c>
      <c r="C6085" s="12" t="s">
        <v>3415</v>
      </c>
    </row>
    <row r="6086" spans="1:3" ht="15.75">
      <c r="A6086" s="13">
        <v>6084</v>
      </c>
      <c r="B6086" s="11" t="s">
        <v>3605</v>
      </c>
      <c r="C6086" s="12" t="s">
        <v>3415</v>
      </c>
    </row>
    <row r="6087" spans="1:3" ht="15.75">
      <c r="A6087" s="13">
        <v>6085</v>
      </c>
      <c r="B6087" s="11" t="s">
        <v>3605</v>
      </c>
      <c r="C6087" s="12" t="s">
        <v>3415</v>
      </c>
    </row>
    <row r="6088" spans="1:3" ht="15.75">
      <c r="A6088" s="13">
        <v>6086</v>
      </c>
      <c r="B6088" s="11" t="s">
        <v>3605</v>
      </c>
      <c r="C6088" s="12" t="s">
        <v>3415</v>
      </c>
    </row>
    <row r="6089" spans="1:3" ht="15.75">
      <c r="A6089" s="10">
        <v>6087</v>
      </c>
      <c r="B6089" s="11" t="s">
        <v>3605</v>
      </c>
      <c r="C6089" s="12" t="s">
        <v>3415</v>
      </c>
    </row>
    <row r="6090" spans="1:3" ht="15.75">
      <c r="A6090" s="13">
        <v>6088</v>
      </c>
      <c r="B6090" s="11" t="s">
        <v>3605</v>
      </c>
      <c r="C6090" s="12" t="s">
        <v>3415</v>
      </c>
    </row>
    <row r="6091" spans="1:3" ht="15.75">
      <c r="A6091" s="13">
        <v>6089</v>
      </c>
      <c r="B6091" s="11" t="s">
        <v>3606</v>
      </c>
      <c r="C6091" s="12" t="s">
        <v>3415</v>
      </c>
    </row>
    <row r="6092" spans="1:3" ht="15.75">
      <c r="A6092" s="13">
        <v>6090</v>
      </c>
      <c r="B6092" s="11" t="s">
        <v>3607</v>
      </c>
      <c r="C6092" s="12" t="s">
        <v>3415</v>
      </c>
    </row>
    <row r="6093" spans="1:3" ht="15.75">
      <c r="A6093" s="10">
        <v>6091</v>
      </c>
      <c r="B6093" s="11" t="s">
        <v>3608</v>
      </c>
      <c r="C6093" s="12" t="s">
        <v>3415</v>
      </c>
    </row>
    <row r="6094" spans="1:3" ht="15.75">
      <c r="A6094" s="13">
        <v>6092</v>
      </c>
      <c r="B6094" s="11" t="s">
        <v>3609</v>
      </c>
      <c r="C6094" s="12" t="s">
        <v>3415</v>
      </c>
    </row>
    <row r="6095" spans="1:3" ht="15.75">
      <c r="A6095" s="13">
        <v>6093</v>
      </c>
      <c r="B6095" s="11" t="s">
        <v>3609</v>
      </c>
      <c r="C6095" s="12" t="s">
        <v>3415</v>
      </c>
    </row>
    <row r="6096" spans="1:3" ht="15.75">
      <c r="A6096" s="13">
        <v>6094</v>
      </c>
      <c r="B6096" s="11" t="s">
        <v>3610</v>
      </c>
      <c r="C6096" s="12" t="s">
        <v>3415</v>
      </c>
    </row>
    <row r="6097" spans="1:3" ht="15.75">
      <c r="A6097" s="10">
        <v>6095</v>
      </c>
      <c r="B6097" s="11" t="s">
        <v>3611</v>
      </c>
      <c r="C6097" s="12" t="s">
        <v>3415</v>
      </c>
    </row>
    <row r="6098" spans="1:3" ht="15.75">
      <c r="A6098" s="13">
        <v>6096</v>
      </c>
      <c r="B6098" s="11" t="s">
        <v>3611</v>
      </c>
      <c r="C6098" s="12" t="s">
        <v>3415</v>
      </c>
    </row>
    <row r="6099" spans="1:3" ht="15.75">
      <c r="A6099" s="13">
        <v>6097</v>
      </c>
      <c r="B6099" s="11" t="s">
        <v>3612</v>
      </c>
      <c r="C6099" s="12" t="s">
        <v>3415</v>
      </c>
    </row>
    <row r="6100" spans="1:3" ht="15.75">
      <c r="A6100" s="13">
        <v>6098</v>
      </c>
      <c r="B6100" s="11" t="s">
        <v>3613</v>
      </c>
      <c r="C6100" s="12" t="s">
        <v>3415</v>
      </c>
    </row>
    <row r="6101" spans="1:3" ht="15.75">
      <c r="A6101" s="10">
        <v>6099</v>
      </c>
      <c r="B6101" s="11" t="s">
        <v>3613</v>
      </c>
      <c r="C6101" s="12" t="s">
        <v>3415</v>
      </c>
    </row>
    <row r="6102" spans="1:3" ht="15.75">
      <c r="A6102" s="13">
        <v>6100</v>
      </c>
      <c r="B6102" s="11" t="s">
        <v>3614</v>
      </c>
      <c r="C6102" s="12" t="s">
        <v>3415</v>
      </c>
    </row>
    <row r="6103" spans="1:3" ht="15.75">
      <c r="A6103" s="13">
        <v>6101</v>
      </c>
      <c r="B6103" s="11" t="s">
        <v>3615</v>
      </c>
      <c r="C6103" s="12" t="s">
        <v>3415</v>
      </c>
    </row>
    <row r="6104" spans="1:3" ht="15.75">
      <c r="A6104" s="13">
        <v>6102</v>
      </c>
      <c r="B6104" s="11" t="s">
        <v>3615</v>
      </c>
      <c r="C6104" s="12" t="s">
        <v>3415</v>
      </c>
    </row>
    <row r="6105" spans="1:3" ht="15.75">
      <c r="A6105" s="10">
        <v>6103</v>
      </c>
      <c r="B6105" s="11" t="s">
        <v>3616</v>
      </c>
      <c r="C6105" s="12" t="s">
        <v>3415</v>
      </c>
    </row>
    <row r="6106" spans="1:3" ht="15.75">
      <c r="A6106" s="13">
        <v>6104</v>
      </c>
      <c r="B6106" s="11" t="s">
        <v>3617</v>
      </c>
      <c r="C6106" s="12" t="s">
        <v>3415</v>
      </c>
    </row>
    <row r="6107" spans="1:3" ht="15.75">
      <c r="A6107" s="13">
        <v>6105</v>
      </c>
      <c r="B6107" s="11" t="s">
        <v>3618</v>
      </c>
      <c r="C6107" s="12" t="s">
        <v>3415</v>
      </c>
    </row>
    <row r="6108" spans="1:3" ht="15.75">
      <c r="A6108" s="13">
        <v>6106</v>
      </c>
      <c r="B6108" s="11" t="s">
        <v>3619</v>
      </c>
      <c r="C6108" s="12" t="s">
        <v>3415</v>
      </c>
    </row>
    <row r="6109" spans="1:3" ht="15.75">
      <c r="A6109" s="10">
        <v>6107</v>
      </c>
      <c r="B6109" s="11" t="s">
        <v>3620</v>
      </c>
      <c r="C6109" s="12" t="s">
        <v>3415</v>
      </c>
    </row>
    <row r="6110" spans="1:3" ht="15.75">
      <c r="A6110" s="13">
        <v>6108</v>
      </c>
      <c r="B6110" s="11" t="s">
        <v>3621</v>
      </c>
      <c r="C6110" s="12" t="s">
        <v>3415</v>
      </c>
    </row>
    <row r="6111" spans="1:3" ht="15.75">
      <c r="A6111" s="13">
        <v>6109</v>
      </c>
      <c r="B6111" s="11" t="s">
        <v>3622</v>
      </c>
      <c r="C6111" s="12" t="s">
        <v>3415</v>
      </c>
    </row>
    <row r="6112" spans="1:3" ht="15.75">
      <c r="A6112" s="13">
        <v>6110</v>
      </c>
      <c r="B6112" s="47" t="s">
        <v>3623</v>
      </c>
      <c r="C6112" s="12" t="s">
        <v>3415</v>
      </c>
    </row>
    <row r="6113" spans="1:3" ht="15.75">
      <c r="A6113" s="10">
        <v>6111</v>
      </c>
      <c r="B6113" s="47" t="s">
        <v>3624</v>
      </c>
      <c r="C6113" s="12" t="s">
        <v>3415</v>
      </c>
    </row>
    <row r="6114" spans="1:3" ht="15.75">
      <c r="A6114" s="13">
        <v>6112</v>
      </c>
      <c r="B6114" s="47" t="s">
        <v>3624</v>
      </c>
      <c r="C6114" s="12" t="s">
        <v>3415</v>
      </c>
    </row>
    <row r="6115" spans="1:3" ht="15.75">
      <c r="A6115" s="13">
        <v>6113</v>
      </c>
      <c r="B6115" s="11" t="s">
        <v>3625</v>
      </c>
      <c r="C6115" s="12" t="s">
        <v>3415</v>
      </c>
    </row>
    <row r="6116" spans="1:3" ht="15.75">
      <c r="A6116" s="13">
        <v>6114</v>
      </c>
      <c r="B6116" s="11" t="s">
        <v>3626</v>
      </c>
      <c r="C6116" s="12" t="s">
        <v>3415</v>
      </c>
    </row>
    <row r="6117" spans="1:3" ht="15.75">
      <c r="A6117" s="10">
        <v>6115</v>
      </c>
      <c r="B6117" s="11" t="s">
        <v>3627</v>
      </c>
      <c r="C6117" s="12" t="s">
        <v>3415</v>
      </c>
    </row>
    <row r="6118" spans="1:3" ht="15.75">
      <c r="A6118" s="13">
        <v>6116</v>
      </c>
      <c r="B6118" s="11" t="s">
        <v>3627</v>
      </c>
      <c r="C6118" s="12" t="s">
        <v>3415</v>
      </c>
    </row>
    <row r="6119" spans="1:3" ht="15.75">
      <c r="A6119" s="13">
        <v>6117</v>
      </c>
      <c r="B6119" s="47" t="s">
        <v>3628</v>
      </c>
      <c r="C6119" s="12" t="s">
        <v>3415</v>
      </c>
    </row>
    <row r="6120" spans="1:3" ht="15.75">
      <c r="A6120" s="13">
        <v>6118</v>
      </c>
      <c r="B6120" s="47" t="s">
        <v>3628</v>
      </c>
      <c r="C6120" s="12" t="s">
        <v>3415</v>
      </c>
    </row>
    <row r="6121" spans="1:3" ht="15.75">
      <c r="A6121" s="10">
        <v>6119</v>
      </c>
      <c r="B6121" s="47" t="s">
        <v>3629</v>
      </c>
      <c r="C6121" s="12" t="s">
        <v>3415</v>
      </c>
    </row>
    <row r="6122" spans="1:3" ht="15.75">
      <c r="A6122" s="13">
        <v>6120</v>
      </c>
      <c r="B6122" s="47" t="s">
        <v>3629</v>
      </c>
      <c r="C6122" s="12" t="s">
        <v>3415</v>
      </c>
    </row>
    <row r="6123" spans="1:3" ht="15.75">
      <c r="A6123" s="13">
        <v>6121</v>
      </c>
      <c r="B6123" s="47" t="s">
        <v>3629</v>
      </c>
      <c r="C6123" s="12" t="s">
        <v>3415</v>
      </c>
    </row>
    <row r="6124" spans="1:3" ht="15.75">
      <c r="A6124" s="13">
        <v>6122</v>
      </c>
      <c r="B6124" s="47" t="s">
        <v>3629</v>
      </c>
      <c r="C6124" s="12" t="s">
        <v>3415</v>
      </c>
    </row>
    <row r="6125" spans="1:3" ht="15.75">
      <c r="A6125" s="10">
        <v>6123</v>
      </c>
      <c r="B6125" s="47" t="s">
        <v>943</v>
      </c>
      <c r="C6125" s="12" t="s">
        <v>3415</v>
      </c>
    </row>
    <row r="6126" spans="1:3" ht="15.75">
      <c r="A6126" s="13">
        <v>6124</v>
      </c>
      <c r="B6126" s="47" t="s">
        <v>943</v>
      </c>
      <c r="C6126" s="12" t="s">
        <v>3415</v>
      </c>
    </row>
    <row r="6127" spans="1:3" ht="15.75">
      <c r="A6127" s="13">
        <v>6125</v>
      </c>
      <c r="B6127" s="47" t="s">
        <v>3630</v>
      </c>
      <c r="C6127" s="12" t="s">
        <v>3415</v>
      </c>
    </row>
    <row r="6128" spans="1:3" ht="15.75">
      <c r="A6128" s="13">
        <v>6126</v>
      </c>
      <c r="B6128" s="47" t="s">
        <v>3631</v>
      </c>
      <c r="C6128" s="12" t="s">
        <v>3415</v>
      </c>
    </row>
    <row r="6129" spans="1:3" ht="15.75">
      <c r="A6129" s="10">
        <v>6127</v>
      </c>
      <c r="B6129" s="47" t="s">
        <v>3632</v>
      </c>
      <c r="C6129" s="12" t="s">
        <v>3415</v>
      </c>
    </row>
    <row r="6130" spans="1:3" ht="15.75">
      <c r="A6130" s="13">
        <v>6128</v>
      </c>
      <c r="B6130" s="47" t="s">
        <v>3633</v>
      </c>
      <c r="C6130" s="12" t="s">
        <v>3415</v>
      </c>
    </row>
    <row r="6131" spans="1:3" ht="15.75">
      <c r="A6131" s="13">
        <v>6129</v>
      </c>
      <c r="B6131" s="47" t="s">
        <v>3633</v>
      </c>
      <c r="C6131" s="12" t="s">
        <v>3415</v>
      </c>
    </row>
    <row r="6132" spans="1:3" ht="31.5">
      <c r="A6132" s="13">
        <v>6130</v>
      </c>
      <c r="B6132" s="47" t="s">
        <v>3634</v>
      </c>
      <c r="C6132" s="12" t="s">
        <v>3415</v>
      </c>
    </row>
    <row r="6133" spans="1:3" ht="15.75">
      <c r="A6133" s="10">
        <v>6131</v>
      </c>
      <c r="B6133" s="47" t="s">
        <v>3635</v>
      </c>
      <c r="C6133" s="12" t="s">
        <v>3415</v>
      </c>
    </row>
    <row r="6134" spans="1:3" ht="31.5">
      <c r="A6134" s="13">
        <v>6132</v>
      </c>
      <c r="B6134" s="47" t="s">
        <v>3636</v>
      </c>
      <c r="C6134" s="12" t="s">
        <v>3415</v>
      </c>
    </row>
    <row r="6135" spans="1:3" ht="31.5">
      <c r="A6135" s="13">
        <v>6133</v>
      </c>
      <c r="B6135" s="47" t="s">
        <v>3637</v>
      </c>
      <c r="C6135" s="12" t="s">
        <v>3415</v>
      </c>
    </row>
    <row r="6136" spans="1:3" ht="15.75">
      <c r="A6136" s="13">
        <v>6134</v>
      </c>
      <c r="B6136" s="47" t="s">
        <v>3638</v>
      </c>
      <c r="C6136" s="12" t="s">
        <v>3415</v>
      </c>
    </row>
    <row r="6137" spans="1:3" ht="15.75">
      <c r="A6137" s="10">
        <v>6135</v>
      </c>
      <c r="B6137" s="47" t="s">
        <v>3639</v>
      </c>
      <c r="C6137" s="12" t="s">
        <v>3415</v>
      </c>
    </row>
    <row r="6138" spans="1:3" ht="15.75">
      <c r="A6138" s="13">
        <v>6136</v>
      </c>
      <c r="B6138" s="47" t="s">
        <v>3639</v>
      </c>
      <c r="C6138" s="12" t="s">
        <v>3415</v>
      </c>
    </row>
    <row r="6139" spans="1:3" ht="15.75">
      <c r="A6139" s="13">
        <v>6137</v>
      </c>
      <c r="B6139" s="47" t="s">
        <v>3640</v>
      </c>
      <c r="C6139" s="12" t="s">
        <v>3415</v>
      </c>
    </row>
    <row r="6140" spans="1:3" ht="15.75">
      <c r="A6140" s="13">
        <v>6138</v>
      </c>
      <c r="B6140" s="47" t="s">
        <v>3640</v>
      </c>
      <c r="C6140" s="12" t="s">
        <v>3415</v>
      </c>
    </row>
    <row r="6141" spans="1:3" ht="15.75">
      <c r="A6141" s="10">
        <v>6139</v>
      </c>
      <c r="B6141" s="47" t="s">
        <v>3641</v>
      </c>
      <c r="C6141" s="12" t="s">
        <v>3415</v>
      </c>
    </row>
    <row r="6142" spans="1:3" ht="31.5">
      <c r="A6142" s="13">
        <v>6140</v>
      </c>
      <c r="B6142" s="47" t="s">
        <v>3642</v>
      </c>
      <c r="C6142" s="12" t="s">
        <v>3415</v>
      </c>
    </row>
    <row r="6143" spans="1:3" ht="31.5">
      <c r="A6143" s="13">
        <v>6141</v>
      </c>
      <c r="B6143" s="47" t="s">
        <v>3643</v>
      </c>
      <c r="C6143" s="12" t="s">
        <v>3415</v>
      </c>
    </row>
    <row r="6144" spans="1:3" ht="15.75">
      <c r="A6144" s="13">
        <v>6142</v>
      </c>
      <c r="B6144" s="47" t="s">
        <v>3644</v>
      </c>
      <c r="C6144" s="12" t="s">
        <v>3415</v>
      </c>
    </row>
    <row r="6145" spans="1:3" ht="31.5">
      <c r="A6145" s="10">
        <v>6143</v>
      </c>
      <c r="B6145" s="47" t="s">
        <v>3645</v>
      </c>
      <c r="C6145" s="12" t="s">
        <v>3415</v>
      </c>
    </row>
    <row r="6146" spans="1:3" ht="31.5">
      <c r="A6146" s="13">
        <v>6144</v>
      </c>
      <c r="B6146" s="47" t="s">
        <v>3645</v>
      </c>
      <c r="C6146" s="12" t="s">
        <v>3415</v>
      </c>
    </row>
    <row r="6147" spans="1:3" ht="31.5">
      <c r="A6147" s="13">
        <v>6145</v>
      </c>
      <c r="B6147" s="47" t="s">
        <v>3645</v>
      </c>
      <c r="C6147" s="12" t="s">
        <v>3415</v>
      </c>
    </row>
    <row r="6148" spans="1:3" ht="15.75">
      <c r="A6148" s="13">
        <v>6146</v>
      </c>
      <c r="B6148" s="47" t="s">
        <v>3646</v>
      </c>
      <c r="C6148" s="12" t="s">
        <v>3415</v>
      </c>
    </row>
    <row r="6149" spans="1:3" ht="15.75">
      <c r="A6149" s="10">
        <v>6147</v>
      </c>
      <c r="B6149" s="47" t="s">
        <v>3647</v>
      </c>
      <c r="C6149" s="12" t="s">
        <v>3415</v>
      </c>
    </row>
    <row r="6150" spans="1:3" ht="15.75">
      <c r="A6150" s="13">
        <v>6148</v>
      </c>
      <c r="B6150" s="45" t="s">
        <v>476</v>
      </c>
      <c r="C6150" s="12" t="s">
        <v>3415</v>
      </c>
    </row>
    <row r="6151" spans="1:3" ht="15.75">
      <c r="A6151" s="13">
        <v>6149</v>
      </c>
      <c r="B6151" s="45" t="s">
        <v>3648</v>
      </c>
      <c r="C6151" s="12" t="s">
        <v>3415</v>
      </c>
    </row>
    <row r="6152" spans="1:3" ht="31.5">
      <c r="A6152" s="13">
        <v>6150</v>
      </c>
      <c r="B6152" s="45" t="s">
        <v>3649</v>
      </c>
      <c r="C6152" s="12" t="s">
        <v>3415</v>
      </c>
    </row>
    <row r="6153" spans="1:3" ht="15.75">
      <c r="A6153" s="10">
        <v>6151</v>
      </c>
      <c r="B6153" s="45" t="s">
        <v>3650</v>
      </c>
      <c r="C6153" s="12" t="s">
        <v>3415</v>
      </c>
    </row>
    <row r="6154" spans="1:3" ht="31.5">
      <c r="A6154" s="13">
        <v>6152</v>
      </c>
      <c r="B6154" s="45" t="s">
        <v>3651</v>
      </c>
      <c r="C6154" s="12" t="s">
        <v>3415</v>
      </c>
    </row>
    <row r="6155" spans="1:3" ht="31.5">
      <c r="A6155" s="13">
        <v>6153</v>
      </c>
      <c r="B6155" s="45" t="s">
        <v>3651</v>
      </c>
      <c r="C6155" s="12" t="s">
        <v>3415</v>
      </c>
    </row>
    <row r="6156" spans="1:3" ht="31.5">
      <c r="A6156" s="13">
        <v>6154</v>
      </c>
      <c r="B6156" s="45" t="s">
        <v>3651</v>
      </c>
      <c r="C6156" s="12" t="s">
        <v>3415</v>
      </c>
    </row>
    <row r="6157" spans="1:3" ht="31.5">
      <c r="A6157" s="10">
        <v>6155</v>
      </c>
      <c r="B6157" s="45" t="s">
        <v>3651</v>
      </c>
      <c r="C6157" s="12" t="s">
        <v>3415</v>
      </c>
    </row>
    <row r="6158" spans="1:3" ht="15.75">
      <c r="A6158" s="13">
        <v>6156</v>
      </c>
      <c r="B6158" s="45" t="s">
        <v>3652</v>
      </c>
      <c r="C6158" s="12" t="s">
        <v>3415</v>
      </c>
    </row>
    <row r="6159" spans="1:3" ht="15.75">
      <c r="A6159" s="13">
        <v>6157</v>
      </c>
      <c r="B6159" s="45" t="s">
        <v>3652</v>
      </c>
      <c r="C6159" s="12" t="s">
        <v>3415</v>
      </c>
    </row>
    <row r="6160" spans="1:3" ht="15.75">
      <c r="A6160" s="13">
        <v>6158</v>
      </c>
      <c r="B6160" s="45" t="s">
        <v>3653</v>
      </c>
      <c r="C6160" s="12" t="s">
        <v>3415</v>
      </c>
    </row>
    <row r="6161" spans="1:3" ht="15.75">
      <c r="A6161" s="10">
        <v>6159</v>
      </c>
      <c r="B6161" s="45" t="s">
        <v>3653</v>
      </c>
      <c r="C6161" s="12" t="s">
        <v>3415</v>
      </c>
    </row>
    <row r="6162" spans="1:3" ht="15.75">
      <c r="A6162" s="13">
        <v>6160</v>
      </c>
      <c r="B6162" s="45" t="s">
        <v>3652</v>
      </c>
      <c r="C6162" s="12" t="s">
        <v>3415</v>
      </c>
    </row>
    <row r="6163" spans="1:3" ht="15.75">
      <c r="A6163" s="13">
        <v>6161</v>
      </c>
      <c r="B6163" s="45" t="s">
        <v>3654</v>
      </c>
      <c r="C6163" s="12" t="s">
        <v>3415</v>
      </c>
    </row>
    <row r="6164" spans="1:3" ht="15.75">
      <c r="A6164" s="13">
        <v>6162</v>
      </c>
      <c r="B6164" s="45" t="s">
        <v>3655</v>
      </c>
      <c r="C6164" s="12" t="s">
        <v>3415</v>
      </c>
    </row>
    <row r="6165" spans="1:3" ht="15.75">
      <c r="A6165" s="10">
        <v>6163</v>
      </c>
      <c r="B6165" s="45" t="s">
        <v>3655</v>
      </c>
      <c r="C6165" s="12" t="s">
        <v>3415</v>
      </c>
    </row>
    <row r="6166" spans="1:3" ht="15.75">
      <c r="A6166" s="13">
        <v>6164</v>
      </c>
      <c r="B6166" s="45" t="s">
        <v>3655</v>
      </c>
      <c r="C6166" s="12" t="s">
        <v>3415</v>
      </c>
    </row>
    <row r="6167" spans="1:3" ht="15.75">
      <c r="A6167" s="13">
        <v>6165</v>
      </c>
      <c r="B6167" s="45" t="s">
        <v>476</v>
      </c>
      <c r="C6167" s="12" t="s">
        <v>3415</v>
      </c>
    </row>
    <row r="6168" spans="1:3" ht="15.75">
      <c r="A6168" s="13">
        <v>6166</v>
      </c>
      <c r="B6168" s="45" t="s">
        <v>3656</v>
      </c>
      <c r="C6168" s="12" t="s">
        <v>3415</v>
      </c>
    </row>
    <row r="6169" spans="1:3" ht="15.75">
      <c r="A6169" s="10">
        <v>6167</v>
      </c>
      <c r="B6169" s="45" t="s">
        <v>3657</v>
      </c>
      <c r="C6169" s="12" t="s">
        <v>3415</v>
      </c>
    </row>
    <row r="6170" spans="1:3" ht="15.75">
      <c r="A6170" s="13">
        <v>6168</v>
      </c>
      <c r="B6170" s="45" t="s">
        <v>3657</v>
      </c>
      <c r="C6170" s="12" t="s">
        <v>3415</v>
      </c>
    </row>
    <row r="6171" spans="1:3" ht="15.75">
      <c r="A6171" s="13">
        <v>6169</v>
      </c>
      <c r="B6171" s="45" t="s">
        <v>3658</v>
      </c>
      <c r="C6171" s="12" t="s">
        <v>3415</v>
      </c>
    </row>
    <row r="6172" spans="1:3" ht="15.75">
      <c r="A6172" s="13">
        <v>6170</v>
      </c>
      <c r="B6172" s="45" t="s">
        <v>3658</v>
      </c>
      <c r="C6172" s="12" t="s">
        <v>3415</v>
      </c>
    </row>
    <row r="6173" spans="1:3" ht="15.75">
      <c r="A6173" s="10">
        <v>6171</v>
      </c>
      <c r="B6173" s="45" t="s">
        <v>476</v>
      </c>
      <c r="C6173" s="12" t="s">
        <v>3415</v>
      </c>
    </row>
    <row r="6174" spans="1:3" ht="31.5">
      <c r="A6174" s="13">
        <v>6172</v>
      </c>
      <c r="B6174" s="45" t="s">
        <v>3659</v>
      </c>
      <c r="C6174" s="12" t="s">
        <v>3415</v>
      </c>
    </row>
    <row r="6175" spans="1:3" ht="15.75">
      <c r="A6175" s="13">
        <v>6173</v>
      </c>
      <c r="B6175" s="45" t="s">
        <v>3660</v>
      </c>
      <c r="C6175" s="12" t="s">
        <v>3415</v>
      </c>
    </row>
    <row r="6176" spans="1:3" ht="15.75">
      <c r="A6176" s="13">
        <v>6174</v>
      </c>
      <c r="B6176" s="45" t="s">
        <v>3661</v>
      </c>
      <c r="C6176" s="12" t="s">
        <v>3415</v>
      </c>
    </row>
    <row r="6177" spans="1:3" ht="15.75">
      <c r="A6177" s="10">
        <v>6175</v>
      </c>
      <c r="B6177" s="45" t="s">
        <v>3661</v>
      </c>
      <c r="C6177" s="12" t="s">
        <v>3415</v>
      </c>
    </row>
    <row r="6178" spans="1:3" ht="15.75">
      <c r="A6178" s="13">
        <v>6176</v>
      </c>
      <c r="B6178" s="45" t="s">
        <v>3662</v>
      </c>
      <c r="C6178" s="12" t="s">
        <v>3415</v>
      </c>
    </row>
    <row r="6179" spans="1:3" ht="15.75">
      <c r="A6179" s="13">
        <v>6177</v>
      </c>
      <c r="B6179" s="45" t="s">
        <v>3663</v>
      </c>
      <c r="C6179" s="12" t="s">
        <v>3415</v>
      </c>
    </row>
    <row r="6180" spans="1:3" ht="15.75">
      <c r="A6180" s="13">
        <v>6178</v>
      </c>
      <c r="B6180" s="45" t="s">
        <v>3663</v>
      </c>
      <c r="C6180" s="12" t="s">
        <v>3415</v>
      </c>
    </row>
    <row r="6181" spans="1:3" ht="15.75">
      <c r="A6181" s="10">
        <v>6179</v>
      </c>
      <c r="B6181" s="45" t="s">
        <v>3663</v>
      </c>
      <c r="C6181" s="12" t="s">
        <v>3415</v>
      </c>
    </row>
    <row r="6182" spans="1:3" ht="15.75">
      <c r="A6182" s="13">
        <v>6180</v>
      </c>
      <c r="B6182" s="45" t="s">
        <v>3664</v>
      </c>
      <c r="C6182" s="12" t="s">
        <v>3415</v>
      </c>
    </row>
    <row r="6183" spans="1:3" ht="15.75">
      <c r="A6183" s="13">
        <v>6181</v>
      </c>
      <c r="B6183" s="45" t="s">
        <v>3664</v>
      </c>
      <c r="C6183" s="12" t="s">
        <v>3415</v>
      </c>
    </row>
    <row r="6184" spans="1:3" ht="15.75">
      <c r="A6184" s="13">
        <v>6182</v>
      </c>
      <c r="B6184" s="45" t="s">
        <v>3665</v>
      </c>
      <c r="C6184" s="12" t="s">
        <v>3415</v>
      </c>
    </row>
    <row r="6185" spans="1:3" ht="15.75">
      <c r="A6185" s="10">
        <v>6183</v>
      </c>
      <c r="B6185" s="45" t="s">
        <v>3664</v>
      </c>
      <c r="C6185" s="12" t="s">
        <v>3415</v>
      </c>
    </row>
    <row r="6186" spans="1:3" ht="15.75">
      <c r="A6186" s="13">
        <v>6184</v>
      </c>
      <c r="B6186" s="45" t="s">
        <v>3664</v>
      </c>
      <c r="C6186" s="12" t="s">
        <v>3415</v>
      </c>
    </row>
    <row r="6187" spans="1:3" ht="15.75">
      <c r="A6187" s="13">
        <v>6185</v>
      </c>
      <c r="B6187" s="45" t="s">
        <v>3664</v>
      </c>
      <c r="C6187" s="12" t="s">
        <v>3415</v>
      </c>
    </row>
    <row r="6188" spans="1:3" ht="31.5">
      <c r="A6188" s="13">
        <v>6186</v>
      </c>
      <c r="B6188" s="45" t="s">
        <v>3666</v>
      </c>
      <c r="C6188" s="12" t="s">
        <v>3415</v>
      </c>
    </row>
    <row r="6189" spans="1:3" ht="15.75">
      <c r="A6189" s="10">
        <v>6187</v>
      </c>
      <c r="B6189" s="45" t="s">
        <v>3667</v>
      </c>
      <c r="C6189" s="12" t="s">
        <v>3415</v>
      </c>
    </row>
    <row r="6190" spans="1:3" ht="15.75">
      <c r="A6190" s="13">
        <v>6188</v>
      </c>
      <c r="B6190" s="45" t="s">
        <v>3668</v>
      </c>
      <c r="C6190" s="12" t="s">
        <v>3415</v>
      </c>
    </row>
    <row r="6191" spans="1:3" ht="15.75">
      <c r="A6191" s="13">
        <v>6189</v>
      </c>
      <c r="B6191" s="45" t="s">
        <v>3668</v>
      </c>
      <c r="C6191" s="12" t="s">
        <v>3415</v>
      </c>
    </row>
    <row r="6192" spans="1:3" ht="15.75">
      <c r="A6192" s="13">
        <v>6190</v>
      </c>
      <c r="B6192" s="45" t="s">
        <v>3669</v>
      </c>
      <c r="C6192" s="12" t="s">
        <v>3415</v>
      </c>
    </row>
    <row r="6193" spans="1:3" ht="15.75">
      <c r="A6193" s="10">
        <v>6191</v>
      </c>
      <c r="B6193" s="45" t="s">
        <v>3668</v>
      </c>
      <c r="C6193" s="12" t="s">
        <v>3415</v>
      </c>
    </row>
    <row r="6194" spans="1:3" ht="15.75">
      <c r="A6194" s="13">
        <v>6192</v>
      </c>
      <c r="B6194" s="45" t="s">
        <v>3668</v>
      </c>
      <c r="C6194" s="12" t="s">
        <v>3415</v>
      </c>
    </row>
    <row r="6195" spans="1:3" ht="15.75">
      <c r="A6195" s="13">
        <v>6193</v>
      </c>
      <c r="B6195" s="45" t="s">
        <v>3668</v>
      </c>
      <c r="C6195" s="12" t="s">
        <v>3415</v>
      </c>
    </row>
    <row r="6196" spans="1:3" ht="15.75">
      <c r="A6196" s="13">
        <v>6194</v>
      </c>
      <c r="B6196" s="45" t="s">
        <v>3668</v>
      </c>
      <c r="C6196" s="12" t="s">
        <v>3415</v>
      </c>
    </row>
    <row r="6197" spans="1:3" ht="15.75">
      <c r="A6197" s="10">
        <v>6195</v>
      </c>
      <c r="B6197" s="45" t="s">
        <v>3668</v>
      </c>
      <c r="C6197" s="12" t="s">
        <v>3415</v>
      </c>
    </row>
    <row r="6198" spans="1:3" ht="15.75">
      <c r="A6198" s="13">
        <v>6196</v>
      </c>
      <c r="B6198" s="45" t="s">
        <v>3670</v>
      </c>
      <c r="C6198" s="12" t="s">
        <v>3415</v>
      </c>
    </row>
    <row r="6199" spans="1:3" ht="15.75">
      <c r="A6199" s="13">
        <v>6197</v>
      </c>
      <c r="B6199" s="45" t="s">
        <v>3671</v>
      </c>
      <c r="C6199" s="12" t="s">
        <v>3415</v>
      </c>
    </row>
    <row r="6200" spans="1:3" ht="15.75">
      <c r="A6200" s="13">
        <v>6198</v>
      </c>
      <c r="B6200" s="45" t="s">
        <v>3672</v>
      </c>
      <c r="C6200" s="12" t="s">
        <v>3415</v>
      </c>
    </row>
    <row r="6201" spans="1:3" ht="15.75">
      <c r="A6201" s="10">
        <v>6199</v>
      </c>
      <c r="B6201" s="45" t="s">
        <v>3673</v>
      </c>
      <c r="C6201" s="12" t="s">
        <v>3415</v>
      </c>
    </row>
    <row r="6202" spans="1:3" ht="15.75">
      <c r="A6202" s="13">
        <v>6200</v>
      </c>
      <c r="B6202" s="45" t="s">
        <v>3674</v>
      </c>
      <c r="C6202" s="12" t="s">
        <v>3415</v>
      </c>
    </row>
    <row r="6203" spans="1:3" ht="15.75">
      <c r="A6203" s="13">
        <v>6201</v>
      </c>
      <c r="B6203" s="45" t="s">
        <v>3409</v>
      </c>
      <c r="C6203" s="12" t="s">
        <v>3415</v>
      </c>
    </row>
    <row r="6204" spans="1:3" ht="15.75">
      <c r="A6204" s="13">
        <v>6202</v>
      </c>
      <c r="B6204" s="45" t="s">
        <v>3409</v>
      </c>
      <c r="C6204" s="12" t="s">
        <v>3415</v>
      </c>
    </row>
    <row r="6205" spans="1:3" ht="15.75">
      <c r="A6205" s="10">
        <v>6203</v>
      </c>
      <c r="B6205" s="45" t="s">
        <v>3409</v>
      </c>
      <c r="C6205" s="12" t="s">
        <v>3415</v>
      </c>
    </row>
    <row r="6206" spans="1:3" ht="15.75">
      <c r="A6206" s="13">
        <v>6204</v>
      </c>
      <c r="B6206" s="45" t="s">
        <v>3409</v>
      </c>
      <c r="C6206" s="12" t="s">
        <v>3415</v>
      </c>
    </row>
    <row r="6207" spans="1:3" ht="15.75">
      <c r="A6207" s="13">
        <v>6205</v>
      </c>
      <c r="B6207" s="45" t="s">
        <v>3409</v>
      </c>
      <c r="C6207" s="12" t="s">
        <v>3415</v>
      </c>
    </row>
    <row r="6208" spans="1:3" ht="15.75">
      <c r="A6208" s="13">
        <v>6206</v>
      </c>
      <c r="B6208" s="45" t="s">
        <v>3409</v>
      </c>
      <c r="C6208" s="12" t="s">
        <v>3415</v>
      </c>
    </row>
    <row r="6209" spans="1:3" ht="15.75">
      <c r="A6209" s="10">
        <v>6207</v>
      </c>
      <c r="B6209" s="45" t="s">
        <v>3409</v>
      </c>
      <c r="C6209" s="12" t="s">
        <v>3415</v>
      </c>
    </row>
    <row r="6210" spans="1:3" ht="15.75">
      <c r="A6210" s="13">
        <v>6208</v>
      </c>
      <c r="B6210" s="45" t="s">
        <v>3409</v>
      </c>
      <c r="C6210" s="12" t="s">
        <v>3415</v>
      </c>
    </row>
    <row r="6211" spans="1:3" ht="15.75">
      <c r="A6211" s="13">
        <v>6209</v>
      </c>
      <c r="B6211" s="45" t="s">
        <v>3409</v>
      </c>
      <c r="C6211" s="12" t="s">
        <v>3415</v>
      </c>
    </row>
    <row r="6212" spans="1:3" ht="15.75">
      <c r="A6212" s="13">
        <v>6210</v>
      </c>
      <c r="B6212" s="48" t="s">
        <v>3675</v>
      </c>
      <c r="C6212" s="12" t="s">
        <v>3415</v>
      </c>
    </row>
    <row r="6213" spans="1:3" ht="15.75">
      <c r="A6213" s="10">
        <v>6211</v>
      </c>
      <c r="B6213" s="45" t="s">
        <v>535</v>
      </c>
      <c r="C6213" s="12" t="s">
        <v>3415</v>
      </c>
    </row>
    <row r="6214" spans="1:3" ht="15.75">
      <c r="A6214" s="13">
        <v>6212</v>
      </c>
      <c r="B6214" s="45" t="s">
        <v>3409</v>
      </c>
      <c r="C6214" s="12" t="s">
        <v>3415</v>
      </c>
    </row>
    <row r="6215" spans="1:3" ht="31.5">
      <c r="A6215" s="13">
        <v>6213</v>
      </c>
      <c r="B6215" s="45" t="s">
        <v>3676</v>
      </c>
      <c r="C6215" s="12" t="s">
        <v>3415</v>
      </c>
    </row>
    <row r="6216" spans="1:3" ht="31.5">
      <c r="A6216" s="13">
        <v>6214</v>
      </c>
      <c r="B6216" s="45" t="s">
        <v>3677</v>
      </c>
      <c r="C6216" s="12" t="s">
        <v>3415</v>
      </c>
    </row>
    <row r="6217" spans="1:3" ht="31.5">
      <c r="A6217" s="10">
        <v>6215</v>
      </c>
      <c r="B6217" s="45" t="s">
        <v>3678</v>
      </c>
      <c r="C6217" s="12" t="s">
        <v>3415</v>
      </c>
    </row>
    <row r="6218" spans="1:3" ht="15.75">
      <c r="A6218" s="13">
        <v>6216</v>
      </c>
      <c r="B6218" s="45" t="s">
        <v>3679</v>
      </c>
      <c r="C6218" s="12" t="s">
        <v>3415</v>
      </c>
    </row>
    <row r="6219" spans="1:3" ht="15.75">
      <c r="A6219" s="13">
        <v>6217</v>
      </c>
      <c r="B6219" s="45" t="s">
        <v>3680</v>
      </c>
      <c r="C6219" s="12" t="s">
        <v>3415</v>
      </c>
    </row>
    <row r="6220" spans="1:3" ht="15.75">
      <c r="A6220" s="13">
        <v>6218</v>
      </c>
      <c r="B6220" s="45" t="s">
        <v>3681</v>
      </c>
      <c r="C6220" s="12" t="s">
        <v>3415</v>
      </c>
    </row>
    <row r="6221" spans="1:3" ht="15.75">
      <c r="A6221" s="10">
        <v>6219</v>
      </c>
      <c r="B6221" s="45" t="s">
        <v>3682</v>
      </c>
      <c r="C6221" s="12" t="s">
        <v>3415</v>
      </c>
    </row>
    <row r="6222" spans="1:3" ht="15.75">
      <c r="A6222" s="13">
        <v>6220</v>
      </c>
      <c r="B6222" s="45" t="s">
        <v>3683</v>
      </c>
      <c r="C6222" s="12" t="s">
        <v>3415</v>
      </c>
    </row>
    <row r="6223" spans="1:3" ht="15.75">
      <c r="A6223" s="13">
        <v>6221</v>
      </c>
      <c r="B6223" s="11" t="s">
        <v>3674</v>
      </c>
      <c r="C6223" s="12" t="s">
        <v>3415</v>
      </c>
    </row>
    <row r="6224" spans="1:3" ht="31.5">
      <c r="A6224" s="13">
        <v>6222</v>
      </c>
      <c r="B6224" s="11" t="s">
        <v>3684</v>
      </c>
      <c r="C6224" s="12" t="s">
        <v>3415</v>
      </c>
    </row>
    <row r="6225" spans="1:3" ht="15.75">
      <c r="A6225" s="10">
        <v>6223</v>
      </c>
      <c r="B6225" s="11" t="s">
        <v>3409</v>
      </c>
      <c r="C6225" s="12" t="s">
        <v>3415</v>
      </c>
    </row>
    <row r="6226" spans="1:3" ht="15.75">
      <c r="A6226" s="13">
        <v>6224</v>
      </c>
      <c r="B6226" s="11" t="s">
        <v>246</v>
      </c>
      <c r="C6226" s="12" t="s">
        <v>3415</v>
      </c>
    </row>
    <row r="6227" spans="1:3" ht="15.75">
      <c r="A6227" s="13">
        <v>6225</v>
      </c>
      <c r="B6227" s="11" t="s">
        <v>3685</v>
      </c>
      <c r="C6227" s="12" t="s">
        <v>3415</v>
      </c>
    </row>
    <row r="6228" spans="1:3" ht="15.75">
      <c r="A6228" s="13">
        <v>6226</v>
      </c>
      <c r="B6228" s="11" t="s">
        <v>3685</v>
      </c>
      <c r="C6228" s="12" t="s">
        <v>3415</v>
      </c>
    </row>
    <row r="6229" spans="1:3" ht="15.75">
      <c r="A6229" s="10">
        <v>6227</v>
      </c>
      <c r="B6229" s="11" t="s">
        <v>3686</v>
      </c>
      <c r="C6229" s="12" t="s">
        <v>3415</v>
      </c>
    </row>
    <row r="6230" spans="1:3" ht="15.75">
      <c r="A6230" s="13">
        <v>6228</v>
      </c>
      <c r="B6230" s="11" t="s">
        <v>3674</v>
      </c>
      <c r="C6230" s="12" t="s">
        <v>3415</v>
      </c>
    </row>
    <row r="6231" spans="1:3" ht="15.75">
      <c r="A6231" s="13">
        <v>6229</v>
      </c>
      <c r="B6231" s="46" t="s">
        <v>3687</v>
      </c>
      <c r="C6231" s="12" t="s">
        <v>3415</v>
      </c>
    </row>
    <row r="6232" spans="1:3" ht="15.75">
      <c r="A6232" s="13">
        <v>6230</v>
      </c>
      <c r="B6232" s="46" t="s">
        <v>3688</v>
      </c>
      <c r="C6232" s="12" t="s">
        <v>3415</v>
      </c>
    </row>
    <row r="6233" spans="1:3" ht="31.5">
      <c r="A6233" s="10">
        <v>6231</v>
      </c>
      <c r="B6233" s="46" t="s">
        <v>3689</v>
      </c>
      <c r="C6233" s="12" t="s">
        <v>3415</v>
      </c>
    </row>
    <row r="6234" spans="1:3" ht="15.75">
      <c r="A6234" s="13">
        <v>6232</v>
      </c>
      <c r="B6234" s="11" t="s">
        <v>3690</v>
      </c>
      <c r="C6234" s="12" t="s">
        <v>3415</v>
      </c>
    </row>
    <row r="6235" spans="1:3" ht="15.75">
      <c r="A6235" s="13">
        <v>6233</v>
      </c>
      <c r="B6235" s="11" t="s">
        <v>3690</v>
      </c>
      <c r="C6235" s="12" t="s">
        <v>3415</v>
      </c>
    </row>
    <row r="6236" spans="1:3" ht="15.75">
      <c r="A6236" s="13">
        <v>6234</v>
      </c>
      <c r="B6236" s="11" t="s">
        <v>3690</v>
      </c>
      <c r="C6236" s="12" t="s">
        <v>3415</v>
      </c>
    </row>
    <row r="6237" spans="1:3" ht="15.75">
      <c r="A6237" s="10">
        <v>6235</v>
      </c>
      <c r="B6237" s="11" t="s">
        <v>3691</v>
      </c>
      <c r="C6237" s="12" t="s">
        <v>3415</v>
      </c>
    </row>
    <row r="6238" spans="1:3" ht="15.75">
      <c r="A6238" s="13">
        <v>6236</v>
      </c>
      <c r="B6238" s="11" t="s">
        <v>3692</v>
      </c>
      <c r="C6238" s="12" t="s">
        <v>3415</v>
      </c>
    </row>
    <row r="6239" spans="1:3" ht="31.5">
      <c r="A6239" s="13">
        <v>6237</v>
      </c>
      <c r="B6239" s="46" t="s">
        <v>3693</v>
      </c>
      <c r="C6239" s="12" t="s">
        <v>3415</v>
      </c>
    </row>
    <row r="6240" spans="1:3" ht="15.75">
      <c r="A6240" s="13">
        <v>6238</v>
      </c>
      <c r="B6240" s="46" t="s">
        <v>531</v>
      </c>
      <c r="C6240" s="12" t="s">
        <v>3415</v>
      </c>
    </row>
    <row r="6241" spans="1:3" ht="15.75">
      <c r="A6241" s="10">
        <v>6239</v>
      </c>
      <c r="B6241" s="46" t="s">
        <v>531</v>
      </c>
      <c r="C6241" s="12" t="s">
        <v>3415</v>
      </c>
    </row>
    <row r="6242" spans="1:3" ht="15.75">
      <c r="A6242" s="13">
        <v>6240</v>
      </c>
      <c r="B6242" s="46" t="s">
        <v>3694</v>
      </c>
      <c r="C6242" s="12" t="s">
        <v>3415</v>
      </c>
    </row>
    <row r="6243" spans="1:3" ht="15.75">
      <c r="A6243" s="13">
        <v>6241</v>
      </c>
      <c r="B6243" s="46" t="s">
        <v>3695</v>
      </c>
      <c r="C6243" s="12" t="s">
        <v>3415</v>
      </c>
    </row>
    <row r="6244" spans="1:3" ht="31.5">
      <c r="A6244" s="13">
        <v>6242</v>
      </c>
      <c r="B6244" s="46" t="s">
        <v>3697</v>
      </c>
      <c r="C6244" s="12" t="s">
        <v>3415</v>
      </c>
    </row>
    <row r="6245" spans="1:3" ht="15.75">
      <c r="A6245" s="10">
        <v>6243</v>
      </c>
      <c r="B6245" s="11" t="s">
        <v>3698</v>
      </c>
      <c r="C6245" s="12" t="s">
        <v>3415</v>
      </c>
    </row>
    <row r="6246" spans="1:3" ht="15.75">
      <c r="A6246" s="13">
        <v>6244</v>
      </c>
      <c r="B6246" s="11" t="s">
        <v>3698</v>
      </c>
      <c r="C6246" s="12" t="s">
        <v>3415</v>
      </c>
    </row>
    <row r="6247" spans="1:3" ht="15.75">
      <c r="A6247" s="13">
        <v>6245</v>
      </c>
      <c r="B6247" s="10" t="s">
        <v>3690</v>
      </c>
      <c r="C6247" s="12" t="s">
        <v>3415</v>
      </c>
    </row>
    <row r="6248" spans="1:3" ht="15.75">
      <c r="A6248" s="13">
        <v>6246</v>
      </c>
      <c r="B6248" s="10" t="s">
        <v>3700</v>
      </c>
      <c r="C6248" s="12" t="s">
        <v>3415</v>
      </c>
    </row>
    <row r="6249" spans="1:3" ht="15.75">
      <c r="A6249" s="10">
        <v>6247</v>
      </c>
      <c r="B6249" s="10" t="s">
        <v>3701</v>
      </c>
      <c r="C6249" s="12" t="s">
        <v>3415</v>
      </c>
    </row>
    <row r="6250" spans="1:3" ht="15.75">
      <c r="A6250" s="13">
        <v>6248</v>
      </c>
      <c r="B6250" s="10" t="s">
        <v>3701</v>
      </c>
      <c r="C6250" s="12" t="s">
        <v>3415</v>
      </c>
    </row>
    <row r="6251" spans="1:3" ht="15.75">
      <c r="A6251" s="13">
        <v>6249</v>
      </c>
      <c r="B6251" s="10" t="s">
        <v>3702</v>
      </c>
      <c r="C6251" s="12" t="s">
        <v>3415</v>
      </c>
    </row>
    <row r="6252" spans="1:3" ht="15.75">
      <c r="A6252" s="13">
        <v>6250</v>
      </c>
      <c r="B6252" s="10" t="s">
        <v>3702</v>
      </c>
      <c r="C6252" s="12" t="s">
        <v>3415</v>
      </c>
    </row>
    <row r="6253" spans="1:3" ht="15.75">
      <c r="A6253" s="10">
        <v>6251</v>
      </c>
      <c r="B6253" s="10" t="s">
        <v>3703</v>
      </c>
      <c r="C6253" s="12" t="s">
        <v>3415</v>
      </c>
    </row>
    <row r="6254" spans="1:3" ht="15.75">
      <c r="A6254" s="13">
        <v>6252</v>
      </c>
      <c r="B6254" s="11" t="s">
        <v>3704</v>
      </c>
      <c r="C6254" s="12" t="s">
        <v>3415</v>
      </c>
    </row>
    <row r="6255" spans="1:3" ht="15.75">
      <c r="A6255" s="13">
        <v>6253</v>
      </c>
      <c r="B6255" s="11" t="s">
        <v>3705</v>
      </c>
      <c r="C6255" s="12" t="s">
        <v>3415</v>
      </c>
    </row>
    <row r="6256" spans="1:3" ht="15.75">
      <c r="A6256" s="13">
        <v>6254</v>
      </c>
      <c r="B6256" s="11" t="s">
        <v>3706</v>
      </c>
      <c r="C6256" s="12" t="s">
        <v>3415</v>
      </c>
    </row>
    <row r="6257" spans="1:3" ht="15.75">
      <c r="A6257" s="10">
        <v>6255</v>
      </c>
      <c r="B6257" s="11" t="s">
        <v>3707</v>
      </c>
      <c r="C6257" s="12" t="s">
        <v>3415</v>
      </c>
    </row>
    <row r="6258" spans="1:3" ht="15.75">
      <c r="A6258" s="13">
        <v>6256</v>
      </c>
      <c r="B6258" s="10" t="s">
        <v>3708</v>
      </c>
      <c r="C6258" s="12" t="s">
        <v>3415</v>
      </c>
    </row>
    <row r="6259" spans="1:3" ht="15.75">
      <c r="A6259" s="13">
        <v>6257</v>
      </c>
      <c r="B6259" s="10" t="s">
        <v>3708</v>
      </c>
      <c r="C6259" s="12" t="s">
        <v>3415</v>
      </c>
    </row>
    <row r="6260" spans="1:3" ht="15.75">
      <c r="A6260" s="13">
        <v>6258</v>
      </c>
      <c r="B6260" s="10" t="s">
        <v>3709</v>
      </c>
      <c r="C6260" s="12" t="s">
        <v>3415</v>
      </c>
    </row>
    <row r="6261" spans="1:3" ht="15.75">
      <c r="A6261" s="10">
        <v>6259</v>
      </c>
      <c r="B6261" s="10" t="s">
        <v>3709</v>
      </c>
      <c r="C6261" s="12" t="s">
        <v>3415</v>
      </c>
    </row>
    <row r="6262" spans="1:3" ht="15.75">
      <c r="A6262" s="13">
        <v>6260</v>
      </c>
      <c r="B6262" s="10" t="s">
        <v>90</v>
      </c>
      <c r="C6262" s="12" t="s">
        <v>3415</v>
      </c>
    </row>
    <row r="6263" spans="1:3" ht="15.75">
      <c r="A6263" s="13">
        <v>6261</v>
      </c>
      <c r="B6263" s="10" t="s">
        <v>3710</v>
      </c>
      <c r="C6263" s="12" t="s">
        <v>3415</v>
      </c>
    </row>
    <row r="6264" spans="1:3" ht="15.75">
      <c r="A6264" s="13">
        <v>6262</v>
      </c>
      <c r="B6264" s="10" t="s">
        <v>90</v>
      </c>
      <c r="C6264" s="12" t="s">
        <v>3415</v>
      </c>
    </row>
    <row r="6265" spans="1:3" ht="15.75">
      <c r="A6265" s="10">
        <v>6263</v>
      </c>
      <c r="B6265" s="10" t="s">
        <v>90</v>
      </c>
      <c r="C6265" s="12" t="s">
        <v>3415</v>
      </c>
    </row>
    <row r="6266" spans="1:3" ht="15.75">
      <c r="A6266" s="13">
        <v>6264</v>
      </c>
      <c r="B6266" s="10" t="s">
        <v>3711</v>
      </c>
      <c r="C6266" s="12" t="s">
        <v>3415</v>
      </c>
    </row>
    <row r="6267" spans="1:3" ht="15.75">
      <c r="A6267" s="13">
        <v>6265</v>
      </c>
      <c r="B6267" s="10" t="s">
        <v>3712</v>
      </c>
      <c r="C6267" s="12" t="s">
        <v>3415</v>
      </c>
    </row>
    <row r="6268" spans="1:3" ht="15.75">
      <c r="A6268" s="13">
        <v>6266</v>
      </c>
      <c r="B6268" s="10" t="s">
        <v>3713</v>
      </c>
      <c r="C6268" s="12" t="s">
        <v>3415</v>
      </c>
    </row>
    <row r="6269" spans="1:3" ht="31.5">
      <c r="A6269" s="10">
        <v>6267</v>
      </c>
      <c r="B6269" s="10" t="s">
        <v>3714</v>
      </c>
      <c r="C6269" s="12" t="s">
        <v>3415</v>
      </c>
    </row>
    <row r="6270" spans="1:3" ht="31.5">
      <c r="A6270" s="13">
        <v>6268</v>
      </c>
      <c r="B6270" s="10" t="s">
        <v>3715</v>
      </c>
      <c r="C6270" s="12" t="s">
        <v>3415</v>
      </c>
    </row>
    <row r="6271" spans="1:3" ht="31.5">
      <c r="A6271" s="13">
        <v>6269</v>
      </c>
      <c r="B6271" s="10" t="s">
        <v>3716</v>
      </c>
      <c r="C6271" s="12" t="s">
        <v>3415</v>
      </c>
    </row>
    <row r="6272" spans="1:3" ht="31.5">
      <c r="A6272" s="13">
        <v>6270</v>
      </c>
      <c r="B6272" s="10" t="s">
        <v>3717</v>
      </c>
      <c r="C6272" s="12" t="s">
        <v>3415</v>
      </c>
    </row>
    <row r="6273" spans="1:3" ht="31.5">
      <c r="A6273" s="10">
        <v>6271</v>
      </c>
      <c r="B6273" s="10" t="s">
        <v>3718</v>
      </c>
      <c r="C6273" s="12" t="s">
        <v>3415</v>
      </c>
    </row>
    <row r="6274" spans="1:3" ht="31.5">
      <c r="A6274" s="13">
        <v>6272</v>
      </c>
      <c r="B6274" s="10" t="s">
        <v>3719</v>
      </c>
      <c r="C6274" s="12" t="s">
        <v>3415</v>
      </c>
    </row>
    <row r="6275" spans="1:3" ht="31.5">
      <c r="A6275" s="13">
        <v>6273</v>
      </c>
      <c r="B6275" s="10" t="s">
        <v>3720</v>
      </c>
      <c r="C6275" s="12" t="s">
        <v>3415</v>
      </c>
    </row>
    <row r="6276" spans="1:3" ht="31.5">
      <c r="A6276" s="13">
        <v>6274</v>
      </c>
      <c r="B6276" s="11" t="s">
        <v>3721</v>
      </c>
      <c r="C6276" s="12" t="s">
        <v>3415</v>
      </c>
    </row>
    <row r="6277" spans="1:3" ht="15.75">
      <c r="A6277" s="10">
        <v>6275</v>
      </c>
      <c r="B6277" s="18" t="s">
        <v>3722</v>
      </c>
      <c r="C6277" s="12" t="s">
        <v>3415</v>
      </c>
    </row>
    <row r="6278" spans="1:3" ht="31.5">
      <c r="A6278" s="13">
        <v>6276</v>
      </c>
      <c r="B6278" s="10" t="s">
        <v>3723</v>
      </c>
      <c r="C6278" s="12" t="s">
        <v>3415</v>
      </c>
    </row>
    <row r="6279" spans="1:3" ht="31.5">
      <c r="A6279" s="13">
        <v>6277</v>
      </c>
      <c r="B6279" s="15" t="s">
        <v>3723</v>
      </c>
      <c r="C6279" s="12" t="s">
        <v>3415</v>
      </c>
    </row>
    <row r="6280" spans="1:3" ht="15.75">
      <c r="A6280" s="13">
        <v>6278</v>
      </c>
      <c r="B6280" s="10" t="s">
        <v>3724</v>
      </c>
      <c r="C6280" s="12" t="s">
        <v>3415</v>
      </c>
    </row>
    <row r="6281" spans="1:3" ht="15.75">
      <c r="A6281" s="10">
        <v>6279</v>
      </c>
      <c r="B6281" s="10" t="s">
        <v>3725</v>
      </c>
      <c r="C6281" s="12" t="s">
        <v>3415</v>
      </c>
    </row>
    <row r="6282" spans="1:3" ht="15.75">
      <c r="A6282" s="13">
        <v>6280</v>
      </c>
      <c r="B6282" s="25" t="s">
        <v>3726</v>
      </c>
      <c r="C6282" s="12" t="s">
        <v>3415</v>
      </c>
    </row>
    <row r="6283" spans="1:3" ht="15.75">
      <c r="A6283" s="13">
        <v>6281</v>
      </c>
      <c r="B6283" s="10" t="s">
        <v>3727</v>
      </c>
      <c r="C6283" s="12" t="s">
        <v>3415</v>
      </c>
    </row>
    <row r="6284" spans="1:3" ht="15.75">
      <c r="A6284" s="13">
        <v>6282</v>
      </c>
      <c r="B6284" s="10" t="s">
        <v>3727</v>
      </c>
      <c r="C6284" s="12" t="s">
        <v>3415</v>
      </c>
    </row>
    <row r="6285" spans="1:3" ht="15.75">
      <c r="A6285" s="10">
        <v>6283</v>
      </c>
      <c r="B6285" s="17" t="s">
        <v>90</v>
      </c>
      <c r="C6285" s="12" t="s">
        <v>3415</v>
      </c>
    </row>
    <row r="6286" spans="1:3" ht="15.75">
      <c r="A6286" s="13">
        <v>6284</v>
      </c>
      <c r="B6286" s="17" t="s">
        <v>90</v>
      </c>
      <c r="C6286" s="12" t="s">
        <v>3415</v>
      </c>
    </row>
    <row r="6287" spans="1:3" ht="15.75">
      <c r="A6287" s="13">
        <v>6285</v>
      </c>
      <c r="B6287" s="49" t="s">
        <v>3728</v>
      </c>
      <c r="C6287" s="12" t="s">
        <v>3415</v>
      </c>
    </row>
    <row r="6288" spans="1:3" ht="15.75">
      <c r="A6288" s="13">
        <v>6286</v>
      </c>
      <c r="B6288" s="26" t="s">
        <v>3729</v>
      </c>
      <c r="C6288" s="12" t="s">
        <v>3415</v>
      </c>
    </row>
    <row r="6289" spans="1:3" ht="15.75">
      <c r="A6289" s="10">
        <v>6287</v>
      </c>
      <c r="B6289" s="26" t="s">
        <v>3730</v>
      </c>
      <c r="C6289" s="12" t="s">
        <v>3415</v>
      </c>
    </row>
    <row r="6290" spans="1:3" ht="15.75">
      <c r="A6290" s="13">
        <v>6288</v>
      </c>
      <c r="B6290" s="26" t="s">
        <v>3731</v>
      </c>
      <c r="C6290" s="12" t="s">
        <v>3415</v>
      </c>
    </row>
    <row r="6291" spans="1:3" ht="15.75">
      <c r="A6291" s="13">
        <v>6289</v>
      </c>
      <c r="B6291" s="26" t="s">
        <v>3732</v>
      </c>
      <c r="C6291" s="12" t="s">
        <v>3415</v>
      </c>
    </row>
    <row r="6292" spans="1:3" ht="15.75">
      <c r="A6292" s="13">
        <v>6290</v>
      </c>
      <c r="B6292" s="26" t="s">
        <v>3732</v>
      </c>
      <c r="C6292" s="12" t="s">
        <v>3415</v>
      </c>
    </row>
    <row r="6293" spans="1:3" ht="15.75">
      <c r="A6293" s="10">
        <v>6291</v>
      </c>
      <c r="B6293" s="26" t="s">
        <v>982</v>
      </c>
      <c r="C6293" s="12" t="s">
        <v>3415</v>
      </c>
    </row>
    <row r="6294" spans="1:3" ht="15.75">
      <c r="A6294" s="13">
        <v>6292</v>
      </c>
      <c r="B6294" s="26" t="s">
        <v>290</v>
      </c>
      <c r="C6294" s="12" t="s">
        <v>3415</v>
      </c>
    </row>
    <row r="6295" spans="1:3" ht="15.75">
      <c r="A6295" s="13">
        <v>6293</v>
      </c>
      <c r="B6295" s="10" t="s">
        <v>3733</v>
      </c>
      <c r="C6295" s="12" t="s">
        <v>3415</v>
      </c>
    </row>
    <row r="6296" spans="1:3" ht="15.75">
      <c r="A6296" s="13">
        <v>6294</v>
      </c>
      <c r="B6296" s="15" t="s">
        <v>3733</v>
      </c>
      <c r="C6296" s="12" t="s">
        <v>3415</v>
      </c>
    </row>
    <row r="6297" spans="1:3" ht="31.5">
      <c r="A6297" s="10">
        <v>6295</v>
      </c>
      <c r="B6297" s="10" t="s">
        <v>3734</v>
      </c>
      <c r="C6297" s="12" t="s">
        <v>3415</v>
      </c>
    </row>
    <row r="6298" spans="1:3" ht="31.5">
      <c r="A6298" s="13">
        <v>6296</v>
      </c>
      <c r="B6298" s="10" t="s">
        <v>3734</v>
      </c>
      <c r="C6298" s="12" t="s">
        <v>3415</v>
      </c>
    </row>
    <row r="6299" spans="1:3" ht="15.75">
      <c r="A6299" s="13">
        <v>6297</v>
      </c>
      <c r="B6299" s="10" t="s">
        <v>3735</v>
      </c>
      <c r="C6299" s="12" t="s">
        <v>3415</v>
      </c>
    </row>
    <row r="6300" spans="1:3" ht="15.75">
      <c r="A6300" s="13">
        <v>6298</v>
      </c>
      <c r="B6300" s="10" t="s">
        <v>3736</v>
      </c>
      <c r="C6300" s="12" t="s">
        <v>3415</v>
      </c>
    </row>
    <row r="6301" spans="1:3" ht="31.5">
      <c r="A6301" s="10">
        <v>6299</v>
      </c>
      <c r="B6301" s="10" t="s">
        <v>3737</v>
      </c>
      <c r="C6301" s="12" t="s">
        <v>3415</v>
      </c>
    </row>
    <row r="6302" spans="1:3" ht="15.75">
      <c r="A6302" s="13">
        <v>6300</v>
      </c>
      <c r="B6302" s="17" t="s">
        <v>3738</v>
      </c>
      <c r="C6302" s="12" t="s">
        <v>3415</v>
      </c>
    </row>
    <row r="6303" spans="1:3" ht="15.75">
      <c r="A6303" s="13">
        <v>6301</v>
      </c>
      <c r="B6303" s="15" t="s">
        <v>3739</v>
      </c>
      <c r="C6303" s="12" t="s">
        <v>3415</v>
      </c>
    </row>
    <row r="6304" spans="1:3" ht="15.75">
      <c r="A6304" s="13">
        <v>6302</v>
      </c>
      <c r="B6304" s="49" t="s">
        <v>3740</v>
      </c>
      <c r="C6304" s="12" t="s">
        <v>3415</v>
      </c>
    </row>
    <row r="6305" spans="1:3" ht="31.5">
      <c r="A6305" s="10">
        <v>6303</v>
      </c>
      <c r="B6305" s="26" t="s">
        <v>3741</v>
      </c>
      <c r="C6305" s="12" t="s">
        <v>3415</v>
      </c>
    </row>
    <row r="6306" spans="1:3" ht="31.5">
      <c r="A6306" s="13">
        <v>6304</v>
      </c>
      <c r="B6306" s="26" t="s">
        <v>3742</v>
      </c>
      <c r="C6306" s="12" t="s">
        <v>3415</v>
      </c>
    </row>
    <row r="6307" spans="1:3" ht="31.5">
      <c r="A6307" s="13">
        <v>6305</v>
      </c>
      <c r="B6307" s="26" t="s">
        <v>3743</v>
      </c>
      <c r="C6307" s="12" t="s">
        <v>3415</v>
      </c>
    </row>
    <row r="6308" spans="1:3" ht="31.5">
      <c r="A6308" s="13">
        <v>6306</v>
      </c>
      <c r="B6308" s="30" t="s">
        <v>3743</v>
      </c>
      <c r="C6308" s="12" t="s">
        <v>3415</v>
      </c>
    </row>
    <row r="6309" spans="1:3" ht="15.75">
      <c r="A6309" s="10">
        <v>6307</v>
      </c>
      <c r="B6309" s="10" t="s">
        <v>3744</v>
      </c>
      <c r="C6309" s="12" t="s">
        <v>3415</v>
      </c>
    </row>
    <row r="6310" spans="1:3" ht="15.75">
      <c r="A6310" s="13">
        <v>6308</v>
      </c>
      <c r="B6310" s="10" t="s">
        <v>3745</v>
      </c>
      <c r="C6310" s="12" t="s">
        <v>3415</v>
      </c>
    </row>
    <row r="6311" spans="1:3" ht="15.75">
      <c r="A6311" s="13">
        <v>6309</v>
      </c>
      <c r="B6311" s="10" t="s">
        <v>3746</v>
      </c>
      <c r="C6311" s="12" t="s">
        <v>3415</v>
      </c>
    </row>
    <row r="6312" spans="1:3" ht="15.75">
      <c r="A6312" s="13">
        <v>6310</v>
      </c>
      <c r="B6312" s="10" t="s">
        <v>3747</v>
      </c>
      <c r="C6312" s="12" t="s">
        <v>3415</v>
      </c>
    </row>
    <row r="6313" spans="1:3" ht="15.75">
      <c r="A6313" s="10">
        <v>6311</v>
      </c>
      <c r="B6313" s="10" t="s">
        <v>3748</v>
      </c>
      <c r="C6313" s="12" t="s">
        <v>3415</v>
      </c>
    </row>
    <row r="6314" spans="1:3" ht="15.75">
      <c r="A6314" s="13">
        <v>6312</v>
      </c>
      <c r="B6314" s="10" t="s">
        <v>3749</v>
      </c>
      <c r="C6314" s="12" t="s">
        <v>3415</v>
      </c>
    </row>
    <row r="6315" spans="1:3" ht="15.75">
      <c r="A6315" s="13">
        <v>6313</v>
      </c>
      <c r="B6315" s="16" t="s">
        <v>3750</v>
      </c>
      <c r="C6315" s="12" t="s">
        <v>3415</v>
      </c>
    </row>
    <row r="6316" spans="1:3" ht="15.75">
      <c r="A6316" s="13">
        <v>6314</v>
      </c>
      <c r="B6316" s="16" t="s">
        <v>3750</v>
      </c>
      <c r="C6316" s="12" t="s">
        <v>3415</v>
      </c>
    </row>
    <row r="6317" spans="1:3" ht="15.75">
      <c r="A6317" s="10">
        <v>6315</v>
      </c>
      <c r="B6317" s="15" t="s">
        <v>90</v>
      </c>
      <c r="C6317" s="12" t="s">
        <v>3415</v>
      </c>
    </row>
    <row r="6318" spans="1:3" ht="15.75">
      <c r="A6318" s="13">
        <v>6316</v>
      </c>
      <c r="B6318" s="10" t="s">
        <v>3751</v>
      </c>
      <c r="C6318" s="12" t="s">
        <v>3415</v>
      </c>
    </row>
    <row r="6319" spans="1:3" ht="15.75">
      <c r="A6319" s="13">
        <v>6317</v>
      </c>
      <c r="B6319" s="10" t="s">
        <v>3752</v>
      </c>
      <c r="C6319" s="12" t="s">
        <v>3415</v>
      </c>
    </row>
    <row r="6320" spans="1:3" ht="15.75">
      <c r="A6320" s="13">
        <v>6318</v>
      </c>
      <c r="B6320" s="15" t="s">
        <v>3753</v>
      </c>
      <c r="C6320" s="12" t="s">
        <v>3415</v>
      </c>
    </row>
    <row r="6321" spans="1:3" ht="15.75">
      <c r="A6321" s="10">
        <v>6319</v>
      </c>
      <c r="B6321" s="26" t="s">
        <v>90</v>
      </c>
      <c r="C6321" s="12" t="s">
        <v>3415</v>
      </c>
    </row>
    <row r="6322" spans="1:3" ht="15.75">
      <c r="A6322" s="13">
        <v>6320</v>
      </c>
      <c r="B6322" s="26" t="s">
        <v>90</v>
      </c>
      <c r="C6322" s="12" t="s">
        <v>3415</v>
      </c>
    </row>
    <row r="6323" spans="1:3" ht="15.75">
      <c r="A6323" s="13">
        <v>6321</v>
      </c>
      <c r="B6323" s="26" t="s">
        <v>90</v>
      </c>
      <c r="C6323" s="12" t="s">
        <v>3415</v>
      </c>
    </row>
    <row r="6324" spans="1:3" ht="15.75">
      <c r="A6324" s="13">
        <v>6322</v>
      </c>
      <c r="B6324" s="26" t="s">
        <v>90</v>
      </c>
      <c r="C6324" s="12" t="s">
        <v>3415</v>
      </c>
    </row>
    <row r="6325" spans="1:3" ht="15.75">
      <c r="A6325" s="10">
        <v>6323</v>
      </c>
      <c r="B6325" s="26" t="s">
        <v>3754</v>
      </c>
      <c r="C6325" s="12" t="s">
        <v>3415</v>
      </c>
    </row>
    <row r="6326" spans="1:3" ht="15.75">
      <c r="A6326" s="13">
        <v>6324</v>
      </c>
      <c r="B6326" s="30" t="s">
        <v>3755</v>
      </c>
      <c r="C6326" s="12" t="s">
        <v>3415</v>
      </c>
    </row>
    <row r="6327" spans="1:3" ht="15.75">
      <c r="A6327" s="13">
        <v>6325</v>
      </c>
      <c r="B6327" s="11" t="s">
        <v>3756</v>
      </c>
      <c r="C6327" s="12" t="s">
        <v>3415</v>
      </c>
    </row>
    <row r="6328" spans="1:3" ht="15.75">
      <c r="A6328" s="13">
        <v>6326</v>
      </c>
      <c r="B6328" s="11" t="s">
        <v>3757</v>
      </c>
      <c r="C6328" s="12" t="s">
        <v>3415</v>
      </c>
    </row>
    <row r="6329" spans="1:3" ht="15.75">
      <c r="A6329" s="10">
        <v>6327</v>
      </c>
      <c r="B6329" s="11" t="s">
        <v>3757</v>
      </c>
      <c r="C6329" s="12" t="s">
        <v>3415</v>
      </c>
    </row>
    <row r="6330" spans="1:3" ht="15.75">
      <c r="A6330" s="13">
        <v>6328</v>
      </c>
      <c r="B6330" s="11" t="s">
        <v>3757</v>
      </c>
      <c r="C6330" s="12" t="s">
        <v>3415</v>
      </c>
    </row>
    <row r="6331" spans="1:3" ht="15.75">
      <c r="A6331" s="13">
        <v>6329</v>
      </c>
      <c r="B6331" s="11" t="s">
        <v>3758</v>
      </c>
      <c r="C6331" s="12" t="s">
        <v>3415</v>
      </c>
    </row>
    <row r="6332" spans="1:3" ht="15.75">
      <c r="A6332" s="13">
        <v>6330</v>
      </c>
      <c r="B6332" s="11" t="s">
        <v>3759</v>
      </c>
      <c r="C6332" s="12" t="s">
        <v>3415</v>
      </c>
    </row>
    <row r="6333" spans="1:3" ht="15.75">
      <c r="A6333" s="10">
        <v>6331</v>
      </c>
      <c r="B6333" s="11" t="s">
        <v>3760</v>
      </c>
      <c r="C6333" s="12" t="s">
        <v>3415</v>
      </c>
    </row>
    <row r="6334" spans="1:3" ht="15.75">
      <c r="A6334" s="13">
        <v>6332</v>
      </c>
      <c r="B6334" s="11" t="s">
        <v>3761</v>
      </c>
      <c r="C6334" s="12" t="s">
        <v>3415</v>
      </c>
    </row>
    <row r="6335" spans="1:3" ht="36">
      <c r="A6335" s="13">
        <v>6333</v>
      </c>
      <c r="B6335" s="11" t="s">
        <v>3764</v>
      </c>
      <c r="C6335" s="12" t="s">
        <v>3765</v>
      </c>
    </row>
    <row r="6336" spans="1:3" ht="36">
      <c r="A6336" s="13">
        <v>6334</v>
      </c>
      <c r="B6336" s="11" t="s">
        <v>3766</v>
      </c>
      <c r="C6336" s="12" t="s">
        <v>3765</v>
      </c>
    </row>
    <row r="6337" spans="1:3" ht="36">
      <c r="A6337" s="10">
        <v>6335</v>
      </c>
      <c r="B6337" s="11" t="s">
        <v>3767</v>
      </c>
      <c r="C6337" s="12" t="s">
        <v>3765</v>
      </c>
    </row>
    <row r="6338" spans="1:3" ht="36">
      <c r="A6338" s="13">
        <v>6336</v>
      </c>
      <c r="B6338" s="11" t="s">
        <v>12</v>
      </c>
      <c r="C6338" s="12" t="s">
        <v>3765</v>
      </c>
    </row>
    <row r="6339" spans="1:3" ht="36">
      <c r="A6339" s="13">
        <v>6337</v>
      </c>
      <c r="B6339" s="11" t="s">
        <v>3768</v>
      </c>
      <c r="C6339" s="12" t="s">
        <v>3765</v>
      </c>
    </row>
    <row r="6340" spans="1:3" ht="36">
      <c r="A6340" s="13">
        <v>6338</v>
      </c>
      <c r="B6340" s="11" t="s">
        <v>12</v>
      </c>
      <c r="C6340" s="12" t="s">
        <v>3765</v>
      </c>
    </row>
    <row r="6341" spans="1:3" ht="36">
      <c r="A6341" s="10">
        <v>6339</v>
      </c>
      <c r="B6341" s="10" t="s">
        <v>3769</v>
      </c>
      <c r="C6341" s="12" t="s">
        <v>3765</v>
      </c>
    </row>
    <row r="6342" spans="1:3" ht="36">
      <c r="A6342" s="13">
        <v>6340</v>
      </c>
      <c r="B6342" s="10" t="s">
        <v>3770</v>
      </c>
      <c r="C6342" s="12" t="s">
        <v>3765</v>
      </c>
    </row>
    <row r="6343" spans="1:3" ht="36">
      <c r="A6343" s="13">
        <v>6341</v>
      </c>
      <c r="B6343" s="10" t="s">
        <v>3770</v>
      </c>
      <c r="C6343" s="12" t="s">
        <v>3765</v>
      </c>
    </row>
    <row r="6344" spans="1:3" ht="36">
      <c r="A6344" s="13">
        <v>6342</v>
      </c>
      <c r="B6344" s="10" t="s">
        <v>3770</v>
      </c>
      <c r="C6344" s="12" t="s">
        <v>3765</v>
      </c>
    </row>
    <row r="6345" spans="1:3" ht="36">
      <c r="A6345" s="10">
        <v>6343</v>
      </c>
      <c r="B6345" s="10" t="s">
        <v>3771</v>
      </c>
      <c r="C6345" s="12" t="s">
        <v>3765</v>
      </c>
    </row>
    <row r="6346" spans="1:3" ht="36">
      <c r="A6346" s="13">
        <v>6344</v>
      </c>
      <c r="B6346" s="10" t="s">
        <v>3526</v>
      </c>
      <c r="C6346" s="12" t="s">
        <v>3765</v>
      </c>
    </row>
    <row r="6347" spans="1:3" ht="36">
      <c r="A6347" s="13">
        <v>6345</v>
      </c>
      <c r="B6347" s="10" t="s">
        <v>3526</v>
      </c>
      <c r="C6347" s="12" t="s">
        <v>3765</v>
      </c>
    </row>
    <row r="6348" spans="1:3" ht="36">
      <c r="A6348" s="13">
        <v>6346</v>
      </c>
      <c r="B6348" s="10" t="s">
        <v>3535</v>
      </c>
      <c r="C6348" s="12" t="s">
        <v>3765</v>
      </c>
    </row>
    <row r="6349" spans="1:3" ht="36">
      <c r="A6349" s="10">
        <v>6347</v>
      </c>
      <c r="B6349" s="10" t="s">
        <v>3536</v>
      </c>
      <c r="C6349" s="12" t="s">
        <v>3765</v>
      </c>
    </row>
    <row r="6350" spans="1:3" ht="36">
      <c r="A6350" s="13">
        <v>6348</v>
      </c>
      <c r="B6350" s="10" t="s">
        <v>3536</v>
      </c>
      <c r="C6350" s="12" t="s">
        <v>3765</v>
      </c>
    </row>
    <row r="6351" spans="1:3" ht="36">
      <c r="A6351" s="13">
        <v>6349</v>
      </c>
      <c r="B6351" s="10" t="s">
        <v>3536</v>
      </c>
      <c r="C6351" s="12" t="s">
        <v>3765</v>
      </c>
    </row>
    <row r="6352" spans="1:3" ht="36">
      <c r="A6352" s="13">
        <v>6350</v>
      </c>
      <c r="B6352" s="10" t="s">
        <v>3536</v>
      </c>
      <c r="C6352" s="12" t="s">
        <v>3765</v>
      </c>
    </row>
    <row r="6353" spans="1:3" ht="36">
      <c r="A6353" s="10">
        <v>6351</v>
      </c>
      <c r="B6353" s="10" t="s">
        <v>3537</v>
      </c>
      <c r="C6353" s="12" t="s">
        <v>3765</v>
      </c>
    </row>
    <row r="6354" spans="1:3" ht="36">
      <c r="A6354" s="13">
        <v>6352</v>
      </c>
      <c r="B6354" s="10" t="s">
        <v>3531</v>
      </c>
      <c r="C6354" s="12" t="s">
        <v>3765</v>
      </c>
    </row>
    <row r="6355" spans="1:3" ht="36">
      <c r="A6355" s="13">
        <v>6353</v>
      </c>
      <c r="B6355" s="10" t="s">
        <v>436</v>
      </c>
      <c r="C6355" s="12" t="s">
        <v>3765</v>
      </c>
    </row>
    <row r="6356" spans="1:3" ht="36">
      <c r="A6356" s="13">
        <v>6354</v>
      </c>
      <c r="B6356" s="10" t="s">
        <v>3538</v>
      </c>
      <c r="C6356" s="12" t="s">
        <v>3765</v>
      </c>
    </row>
    <row r="6357" spans="1:3" ht="36">
      <c r="A6357" s="10">
        <v>6355</v>
      </c>
      <c r="B6357" s="50" t="s">
        <v>3478</v>
      </c>
      <c r="C6357" s="12" t="s">
        <v>3765</v>
      </c>
    </row>
    <row r="6358" spans="1:3" ht="36">
      <c r="A6358" s="13">
        <v>6356</v>
      </c>
      <c r="B6358" s="10" t="s">
        <v>3772</v>
      </c>
      <c r="C6358" s="12" t="s">
        <v>3765</v>
      </c>
    </row>
    <row r="6359" spans="1:3" ht="36">
      <c r="A6359" s="13">
        <v>6357</v>
      </c>
      <c r="B6359" s="10" t="s">
        <v>3773</v>
      </c>
      <c r="C6359" s="12" t="s">
        <v>3765</v>
      </c>
    </row>
    <row r="6360" spans="1:3" ht="36">
      <c r="A6360" s="13">
        <v>6358</v>
      </c>
      <c r="B6360" s="10" t="s">
        <v>3774</v>
      </c>
      <c r="C6360" s="12" t="s">
        <v>3765</v>
      </c>
    </row>
    <row r="6361" spans="1:3" ht="36">
      <c r="A6361" s="10">
        <v>6359</v>
      </c>
      <c r="B6361" s="10" t="s">
        <v>3774</v>
      </c>
      <c r="C6361" s="12" t="s">
        <v>3765</v>
      </c>
    </row>
    <row r="6362" spans="1:3" ht="36">
      <c r="A6362" s="13">
        <v>6360</v>
      </c>
      <c r="B6362" s="10" t="s">
        <v>3772</v>
      </c>
      <c r="C6362" s="12" t="s">
        <v>3765</v>
      </c>
    </row>
    <row r="6363" spans="1:3" ht="36">
      <c r="A6363" s="13">
        <v>6361</v>
      </c>
      <c r="B6363" s="10" t="s">
        <v>3775</v>
      </c>
      <c r="C6363" s="12" t="s">
        <v>3765</v>
      </c>
    </row>
    <row r="6364" spans="1:3" ht="36">
      <c r="A6364" s="13">
        <v>6362</v>
      </c>
      <c r="B6364" s="31" t="s">
        <v>412</v>
      </c>
      <c r="C6364" s="12" t="s">
        <v>3765</v>
      </c>
    </row>
    <row r="6365" spans="1:3" ht="36">
      <c r="A6365" s="10">
        <v>6363</v>
      </c>
      <c r="B6365" s="10" t="s">
        <v>412</v>
      </c>
      <c r="C6365" s="12" t="s">
        <v>3765</v>
      </c>
    </row>
    <row r="6366" spans="1:3" ht="36">
      <c r="A6366" s="13">
        <v>6364</v>
      </c>
      <c r="B6366" s="10" t="s">
        <v>3776</v>
      </c>
      <c r="C6366" s="12" t="s">
        <v>3765</v>
      </c>
    </row>
    <row r="6367" spans="1:3" ht="36">
      <c r="A6367" s="13">
        <v>6365</v>
      </c>
      <c r="B6367" s="10" t="s">
        <v>3777</v>
      </c>
      <c r="C6367" s="12" t="s">
        <v>3765</v>
      </c>
    </row>
    <row r="6368" spans="1:3" ht="36">
      <c r="A6368" s="13">
        <v>6366</v>
      </c>
      <c r="B6368" s="10" t="s">
        <v>3778</v>
      </c>
      <c r="C6368" s="12" t="s">
        <v>3765</v>
      </c>
    </row>
    <row r="6369" spans="1:3" ht="36">
      <c r="A6369" s="10">
        <v>6367</v>
      </c>
      <c r="B6369" s="19" t="s">
        <v>291</v>
      </c>
      <c r="C6369" s="12" t="s">
        <v>3765</v>
      </c>
    </row>
    <row r="6370" spans="1:3" ht="36">
      <c r="A6370" s="13">
        <v>6368</v>
      </c>
      <c r="B6370" s="51" t="s">
        <v>3779</v>
      </c>
      <c r="C6370" s="12" t="s">
        <v>3765</v>
      </c>
    </row>
    <row r="6371" spans="1:3" ht="36">
      <c r="A6371" s="13">
        <v>6369</v>
      </c>
      <c r="B6371" s="11" t="s">
        <v>3780</v>
      </c>
      <c r="C6371" s="12" t="s">
        <v>3765</v>
      </c>
    </row>
    <row r="6372" spans="1:3" ht="36">
      <c r="A6372" s="13">
        <v>6370</v>
      </c>
      <c r="B6372" s="11" t="s">
        <v>3781</v>
      </c>
      <c r="C6372" s="12" t="s">
        <v>3765</v>
      </c>
    </row>
    <row r="6373" spans="1:3" ht="36">
      <c r="A6373" s="10">
        <v>6371</v>
      </c>
      <c r="B6373" s="10" t="s">
        <v>3696</v>
      </c>
      <c r="C6373" s="12" t="s">
        <v>3765</v>
      </c>
    </row>
    <row r="6374" spans="1:3" ht="36">
      <c r="A6374" s="13">
        <v>6372</v>
      </c>
      <c r="B6374" s="10" t="s">
        <v>3674</v>
      </c>
      <c r="C6374" s="12" t="s">
        <v>3765</v>
      </c>
    </row>
    <row r="6375" spans="1:3" ht="36">
      <c r="A6375" s="13">
        <v>6373</v>
      </c>
      <c r="B6375" s="10" t="s">
        <v>3782</v>
      </c>
      <c r="C6375" s="12" t="s">
        <v>3765</v>
      </c>
    </row>
    <row r="6376" spans="1:3" ht="36">
      <c r="A6376" s="13">
        <v>6374</v>
      </c>
      <c r="B6376" s="10" t="s">
        <v>90</v>
      </c>
      <c r="C6376" s="12" t="s">
        <v>3765</v>
      </c>
    </row>
    <row r="6377" spans="1:3" ht="36">
      <c r="A6377" s="10">
        <v>6375</v>
      </c>
      <c r="B6377" s="10" t="s">
        <v>3783</v>
      </c>
      <c r="C6377" s="12" t="s">
        <v>3765</v>
      </c>
    </row>
    <row r="6378" spans="1:3" ht="36">
      <c r="A6378" s="13">
        <v>6376</v>
      </c>
      <c r="B6378" s="10" t="s">
        <v>3674</v>
      </c>
      <c r="C6378" s="12" t="s">
        <v>3765</v>
      </c>
    </row>
    <row r="6379" spans="1:3" ht="36">
      <c r="A6379" s="13">
        <v>6377</v>
      </c>
      <c r="B6379" s="10" t="s">
        <v>3784</v>
      </c>
      <c r="C6379" s="12" t="s">
        <v>3765</v>
      </c>
    </row>
    <row r="6380" spans="1:3" ht="36">
      <c r="A6380" s="13">
        <v>6378</v>
      </c>
      <c r="B6380" s="10" t="s">
        <v>3785</v>
      </c>
      <c r="C6380" s="12" t="s">
        <v>3765</v>
      </c>
    </row>
    <row r="6381" spans="1:3" ht="36">
      <c r="A6381" s="10">
        <v>6379</v>
      </c>
      <c r="B6381" s="10" t="s">
        <v>3786</v>
      </c>
      <c r="C6381" s="12" t="s">
        <v>3765</v>
      </c>
    </row>
    <row r="6382" spans="1:3" ht="36">
      <c r="A6382" s="13">
        <v>6380</v>
      </c>
      <c r="B6382" s="10" t="s">
        <v>3787</v>
      </c>
      <c r="C6382" s="12" t="s">
        <v>3765</v>
      </c>
    </row>
    <row r="6383" spans="1:3" ht="36">
      <c r="A6383" s="13">
        <v>6381</v>
      </c>
      <c r="B6383" s="10" t="s">
        <v>4372</v>
      </c>
      <c r="C6383" s="12" t="s">
        <v>3765</v>
      </c>
    </row>
    <row r="6384" spans="1:3" ht="36">
      <c r="A6384" s="13">
        <v>6382</v>
      </c>
      <c r="B6384" s="10" t="s">
        <v>4373</v>
      </c>
      <c r="C6384" s="12" t="s">
        <v>3765</v>
      </c>
    </row>
    <row r="6385" spans="1:3" ht="36">
      <c r="A6385" s="10">
        <v>6383</v>
      </c>
      <c r="B6385" s="15" t="s">
        <v>3788</v>
      </c>
      <c r="C6385" s="12" t="s">
        <v>3765</v>
      </c>
    </row>
    <row r="6386" spans="1:3" ht="36">
      <c r="A6386" s="13">
        <v>6384</v>
      </c>
      <c r="B6386" s="10" t="s">
        <v>3789</v>
      </c>
      <c r="C6386" s="12" t="s">
        <v>3765</v>
      </c>
    </row>
    <row r="6387" spans="1:3" ht="47.25">
      <c r="A6387" s="13">
        <v>6385</v>
      </c>
      <c r="B6387" s="10" t="s">
        <v>3790</v>
      </c>
      <c r="C6387" s="12" t="s">
        <v>3765</v>
      </c>
    </row>
    <row r="6388" spans="1:3" ht="36">
      <c r="A6388" s="13">
        <v>6386</v>
      </c>
      <c r="B6388" s="10" t="s">
        <v>3674</v>
      </c>
      <c r="C6388" s="12" t="s">
        <v>3765</v>
      </c>
    </row>
    <row r="6389" spans="1:3" ht="36">
      <c r="A6389" s="10">
        <v>6387</v>
      </c>
      <c r="B6389" s="25" t="s">
        <v>3791</v>
      </c>
      <c r="C6389" s="12" t="s">
        <v>3765</v>
      </c>
    </row>
    <row r="6390" spans="1:3" ht="36">
      <c r="A6390" s="13">
        <v>6388</v>
      </c>
      <c r="B6390" s="10" t="s">
        <v>3792</v>
      </c>
      <c r="C6390" s="12" t="s">
        <v>3765</v>
      </c>
    </row>
    <row r="6391" spans="1:3" ht="36">
      <c r="A6391" s="13">
        <v>6389</v>
      </c>
      <c r="B6391" s="10" t="s">
        <v>3792</v>
      </c>
      <c r="C6391" s="12" t="s">
        <v>3765</v>
      </c>
    </row>
    <row r="6392" spans="1:3" ht="24">
      <c r="A6392" s="13">
        <v>6390</v>
      </c>
      <c r="B6392" s="52" t="s">
        <v>3793</v>
      </c>
      <c r="C6392" s="12" t="s">
        <v>3794</v>
      </c>
    </row>
    <row r="6393" spans="1:3" ht="24">
      <c r="A6393" s="10">
        <v>6391</v>
      </c>
      <c r="B6393" s="52" t="s">
        <v>3795</v>
      </c>
      <c r="C6393" s="12" t="s">
        <v>3794</v>
      </c>
    </row>
    <row r="6394" spans="1:3" ht="24">
      <c r="A6394" s="13">
        <v>6392</v>
      </c>
      <c r="B6394" s="53" t="s">
        <v>3796</v>
      </c>
      <c r="C6394" s="12" t="s">
        <v>3794</v>
      </c>
    </row>
    <row r="6395" spans="1:3" ht="24">
      <c r="A6395" s="13">
        <v>6393</v>
      </c>
      <c r="B6395" s="53" t="s">
        <v>3797</v>
      </c>
      <c r="C6395" s="12" t="s">
        <v>3794</v>
      </c>
    </row>
    <row r="6396" spans="1:3" ht="24">
      <c r="A6396" s="13">
        <v>6394</v>
      </c>
      <c r="B6396" s="53" t="s">
        <v>3798</v>
      </c>
      <c r="C6396" s="12" t="s">
        <v>3794</v>
      </c>
    </row>
    <row r="6397" spans="1:3" ht="24">
      <c r="A6397" s="10">
        <v>6395</v>
      </c>
      <c r="B6397" s="53" t="s">
        <v>3799</v>
      </c>
      <c r="C6397" s="12" t="s">
        <v>3794</v>
      </c>
    </row>
    <row r="6398" spans="1:3" ht="24">
      <c r="A6398" s="13">
        <v>6396</v>
      </c>
      <c r="B6398" s="53" t="s">
        <v>3800</v>
      </c>
      <c r="C6398" s="12" t="s">
        <v>3794</v>
      </c>
    </row>
    <row r="6399" spans="1:3" ht="24">
      <c r="A6399" s="13">
        <v>6397</v>
      </c>
      <c r="B6399" s="53" t="s">
        <v>3801</v>
      </c>
      <c r="C6399" s="12" t="s">
        <v>3794</v>
      </c>
    </row>
    <row r="6400" spans="1:3" ht="24">
      <c r="A6400" s="13">
        <v>6398</v>
      </c>
      <c r="B6400" s="53" t="s">
        <v>3802</v>
      </c>
      <c r="C6400" s="12" t="s">
        <v>3794</v>
      </c>
    </row>
    <row r="6401" spans="1:3" ht="24">
      <c r="A6401" s="10">
        <v>6399</v>
      </c>
      <c r="B6401" s="53" t="s">
        <v>3803</v>
      </c>
      <c r="C6401" s="12" t="s">
        <v>3794</v>
      </c>
    </row>
    <row r="6402" spans="1:3" ht="24">
      <c r="A6402" s="13">
        <v>6400</v>
      </c>
      <c r="B6402" s="53" t="s">
        <v>3804</v>
      </c>
      <c r="C6402" s="12" t="s">
        <v>3794</v>
      </c>
    </row>
    <row r="6403" spans="1:3" ht="24">
      <c r="A6403" s="13">
        <v>6401</v>
      </c>
      <c r="B6403" s="53" t="s">
        <v>3805</v>
      </c>
      <c r="C6403" s="12" t="s">
        <v>3794</v>
      </c>
    </row>
    <row r="6404" spans="1:3" ht="24">
      <c r="A6404" s="13">
        <v>6402</v>
      </c>
      <c r="B6404" s="53" t="s">
        <v>3806</v>
      </c>
      <c r="C6404" s="12" t="s">
        <v>3794</v>
      </c>
    </row>
    <row r="6405" spans="1:3" ht="24">
      <c r="A6405" s="10">
        <v>6403</v>
      </c>
      <c r="B6405" s="53" t="s">
        <v>3807</v>
      </c>
      <c r="C6405" s="12" t="s">
        <v>3794</v>
      </c>
    </row>
    <row r="6406" spans="1:3" ht="24">
      <c r="A6406" s="13">
        <v>6404</v>
      </c>
      <c r="B6406" s="53" t="s">
        <v>3808</v>
      </c>
      <c r="C6406" s="12" t="s">
        <v>3794</v>
      </c>
    </row>
    <row r="6407" spans="1:3" ht="24">
      <c r="A6407" s="13">
        <v>6405</v>
      </c>
      <c r="B6407" s="53" t="s">
        <v>3809</v>
      </c>
      <c r="C6407" s="12" t="s">
        <v>3794</v>
      </c>
    </row>
    <row r="6408" spans="1:3" ht="24">
      <c r="A6408" s="13">
        <v>6406</v>
      </c>
      <c r="B6408" s="53" t="s">
        <v>3810</v>
      </c>
      <c r="C6408" s="12" t="s">
        <v>3794</v>
      </c>
    </row>
    <row r="6409" spans="1:3" ht="24">
      <c r="A6409" s="10">
        <v>6407</v>
      </c>
      <c r="B6409" s="53" t="s">
        <v>3811</v>
      </c>
      <c r="C6409" s="12" t="s">
        <v>3794</v>
      </c>
    </row>
    <row r="6410" spans="1:3" ht="24">
      <c r="A6410" s="13">
        <v>6408</v>
      </c>
      <c r="B6410" s="53" t="s">
        <v>3811</v>
      </c>
      <c r="C6410" s="12" t="s">
        <v>3794</v>
      </c>
    </row>
    <row r="6411" spans="1:3" ht="24">
      <c r="A6411" s="13">
        <v>6409</v>
      </c>
      <c r="B6411" s="53" t="s">
        <v>421</v>
      </c>
      <c r="C6411" s="12" t="s">
        <v>3794</v>
      </c>
    </row>
    <row r="6412" spans="1:3" ht="24">
      <c r="A6412" s="13">
        <v>6410</v>
      </c>
      <c r="B6412" s="53" t="s">
        <v>3442</v>
      </c>
      <c r="C6412" s="12" t="s">
        <v>3794</v>
      </c>
    </row>
    <row r="6413" spans="1:3" ht="24">
      <c r="A6413" s="10">
        <v>6411</v>
      </c>
      <c r="B6413" s="53" t="s">
        <v>3812</v>
      </c>
      <c r="C6413" s="12" t="s">
        <v>3794</v>
      </c>
    </row>
    <row r="6414" spans="1:3" ht="24">
      <c r="A6414" s="13">
        <v>6412</v>
      </c>
      <c r="B6414" s="53" t="s">
        <v>3813</v>
      </c>
      <c r="C6414" s="12" t="s">
        <v>3794</v>
      </c>
    </row>
    <row r="6415" spans="1:3" ht="24">
      <c r="A6415" s="13">
        <v>6413</v>
      </c>
      <c r="B6415" s="52" t="s">
        <v>3814</v>
      </c>
      <c r="C6415" s="12" t="s">
        <v>3794</v>
      </c>
    </row>
    <row r="6416" spans="1:3" ht="24">
      <c r="A6416" s="13">
        <v>6414</v>
      </c>
      <c r="B6416" s="52" t="s">
        <v>3815</v>
      </c>
      <c r="C6416" s="12" t="s">
        <v>3794</v>
      </c>
    </row>
    <row r="6417" spans="1:3" ht="24">
      <c r="A6417" s="10">
        <v>6415</v>
      </c>
      <c r="B6417" s="52" t="s">
        <v>3816</v>
      </c>
      <c r="C6417" s="12" t="s">
        <v>3794</v>
      </c>
    </row>
    <row r="6418" spans="1:3" ht="24">
      <c r="A6418" s="13">
        <v>6416</v>
      </c>
      <c r="B6418" s="52" t="s">
        <v>3817</v>
      </c>
      <c r="C6418" s="12" t="s">
        <v>3794</v>
      </c>
    </row>
    <row r="6419" spans="1:3" ht="24">
      <c r="A6419" s="13">
        <v>6417</v>
      </c>
      <c r="B6419" s="52" t="s">
        <v>3818</v>
      </c>
      <c r="C6419" s="12" t="s">
        <v>3794</v>
      </c>
    </row>
    <row r="6420" spans="1:3" ht="24">
      <c r="A6420" s="13">
        <v>6418</v>
      </c>
      <c r="B6420" s="52" t="s">
        <v>3819</v>
      </c>
      <c r="C6420" s="12" t="s">
        <v>3794</v>
      </c>
    </row>
    <row r="6421" spans="1:3" ht="24">
      <c r="A6421" s="10">
        <v>6419</v>
      </c>
      <c r="B6421" s="54" t="s">
        <v>12</v>
      </c>
      <c r="C6421" s="12" t="s">
        <v>3794</v>
      </c>
    </row>
    <row r="6422" spans="1:3" ht="24">
      <c r="A6422" s="13">
        <v>6420</v>
      </c>
      <c r="B6422" s="54" t="s">
        <v>3820</v>
      </c>
      <c r="C6422" s="12" t="s">
        <v>3794</v>
      </c>
    </row>
    <row r="6423" spans="1:3" ht="24">
      <c r="A6423" s="13">
        <v>6421</v>
      </c>
      <c r="B6423" s="54" t="s">
        <v>3821</v>
      </c>
      <c r="C6423" s="12" t="s">
        <v>3794</v>
      </c>
    </row>
    <row r="6424" spans="1:3" ht="24">
      <c r="A6424" s="13">
        <v>6422</v>
      </c>
      <c r="B6424" s="54" t="s">
        <v>3822</v>
      </c>
      <c r="C6424" s="12" t="s">
        <v>3794</v>
      </c>
    </row>
    <row r="6425" spans="1:3" ht="24">
      <c r="A6425" s="10">
        <v>6423</v>
      </c>
      <c r="B6425" s="54" t="s">
        <v>3822</v>
      </c>
      <c r="C6425" s="12" t="s">
        <v>3794</v>
      </c>
    </row>
    <row r="6426" spans="1:3" ht="24">
      <c r="A6426" s="13">
        <v>6424</v>
      </c>
      <c r="B6426" s="54" t="s">
        <v>3822</v>
      </c>
      <c r="C6426" s="12" t="s">
        <v>3794</v>
      </c>
    </row>
    <row r="6427" spans="1:3" ht="24">
      <c r="A6427" s="13">
        <v>6425</v>
      </c>
      <c r="B6427" s="54" t="s">
        <v>3822</v>
      </c>
      <c r="C6427" s="12" t="s">
        <v>3794</v>
      </c>
    </row>
    <row r="6428" spans="1:3" ht="24">
      <c r="A6428" s="13">
        <v>6426</v>
      </c>
      <c r="B6428" s="54" t="s">
        <v>3823</v>
      </c>
      <c r="C6428" s="12" t="s">
        <v>3794</v>
      </c>
    </row>
    <row r="6429" spans="1:3" ht="24">
      <c r="A6429" s="10">
        <v>6427</v>
      </c>
      <c r="B6429" s="54" t="s">
        <v>3824</v>
      </c>
      <c r="C6429" s="12" t="s">
        <v>3794</v>
      </c>
    </row>
    <row r="6430" spans="1:3" ht="24">
      <c r="A6430" s="13">
        <v>6428</v>
      </c>
      <c r="B6430" s="54" t="s">
        <v>3825</v>
      </c>
      <c r="C6430" s="12" t="s">
        <v>3794</v>
      </c>
    </row>
    <row r="6431" spans="1:3" ht="24">
      <c r="A6431" s="13">
        <v>6429</v>
      </c>
      <c r="B6431" s="55" t="s">
        <v>3826</v>
      </c>
      <c r="C6431" s="12" t="s">
        <v>3794</v>
      </c>
    </row>
    <row r="6432" spans="1:3" ht="24">
      <c r="A6432" s="13">
        <v>6430</v>
      </c>
      <c r="B6432" s="15" t="s">
        <v>2202</v>
      </c>
      <c r="C6432" s="12" t="s">
        <v>3794</v>
      </c>
    </row>
    <row r="6433" spans="1:3" ht="24">
      <c r="A6433" s="10">
        <v>6431</v>
      </c>
      <c r="B6433" s="10" t="s">
        <v>3827</v>
      </c>
      <c r="C6433" s="12" t="s">
        <v>3794</v>
      </c>
    </row>
    <row r="6434" spans="1:3" ht="24">
      <c r="A6434" s="13">
        <v>6432</v>
      </c>
      <c r="B6434" s="10" t="s">
        <v>3828</v>
      </c>
      <c r="C6434" s="12" t="s">
        <v>3794</v>
      </c>
    </row>
    <row r="6435" spans="1:3" ht="24">
      <c r="A6435" s="13">
        <v>6433</v>
      </c>
      <c r="B6435" s="10" t="s">
        <v>3829</v>
      </c>
      <c r="C6435" s="12" t="s">
        <v>3794</v>
      </c>
    </row>
    <row r="6436" spans="1:3" ht="24">
      <c r="A6436" s="13">
        <v>6434</v>
      </c>
      <c r="B6436" s="17" t="s">
        <v>3830</v>
      </c>
      <c r="C6436" s="12" t="s">
        <v>3794</v>
      </c>
    </row>
    <row r="6437" spans="1:3" ht="31.5">
      <c r="A6437" s="10">
        <v>6435</v>
      </c>
      <c r="B6437" s="10" t="s">
        <v>3831</v>
      </c>
      <c r="C6437" s="12" t="s">
        <v>3794</v>
      </c>
    </row>
    <row r="6438" spans="1:3" ht="24">
      <c r="A6438" s="13">
        <v>6436</v>
      </c>
      <c r="B6438" s="17" t="s">
        <v>3832</v>
      </c>
      <c r="C6438" s="12" t="s">
        <v>3794</v>
      </c>
    </row>
    <row r="6439" spans="1:3" ht="24">
      <c r="A6439" s="13">
        <v>6437</v>
      </c>
      <c r="B6439" s="52" t="s">
        <v>331</v>
      </c>
      <c r="C6439" s="12" t="s">
        <v>3794</v>
      </c>
    </row>
    <row r="6440" spans="1:3" ht="24">
      <c r="A6440" s="13">
        <v>6438</v>
      </c>
      <c r="B6440" s="52" t="s">
        <v>1060</v>
      </c>
      <c r="C6440" s="12" t="s">
        <v>3794</v>
      </c>
    </row>
    <row r="6441" spans="1:3" ht="24">
      <c r="A6441" s="10">
        <v>6439</v>
      </c>
      <c r="B6441" s="52" t="s">
        <v>1060</v>
      </c>
      <c r="C6441" s="12" t="s">
        <v>3794</v>
      </c>
    </row>
    <row r="6442" spans="1:3" ht="24">
      <c r="A6442" s="13">
        <v>6440</v>
      </c>
      <c r="B6442" s="52" t="s">
        <v>3833</v>
      </c>
      <c r="C6442" s="12" t="s">
        <v>3794</v>
      </c>
    </row>
    <row r="6443" spans="1:3" ht="31.5">
      <c r="A6443" s="13">
        <v>6441</v>
      </c>
      <c r="B6443" s="52" t="s">
        <v>3834</v>
      </c>
      <c r="C6443" s="12" t="s">
        <v>3794</v>
      </c>
    </row>
    <row r="6444" spans="1:3" ht="24">
      <c r="A6444" s="13">
        <v>6442</v>
      </c>
      <c r="B6444" s="52" t="s">
        <v>3835</v>
      </c>
      <c r="C6444" s="12" t="s">
        <v>3794</v>
      </c>
    </row>
    <row r="6445" spans="1:3" ht="24">
      <c r="A6445" s="10">
        <v>6443</v>
      </c>
      <c r="B6445" s="52" t="s">
        <v>3835</v>
      </c>
      <c r="C6445" s="12" t="s">
        <v>3794</v>
      </c>
    </row>
    <row r="6446" spans="1:3" ht="24">
      <c r="A6446" s="13">
        <v>6444</v>
      </c>
      <c r="B6446" s="52" t="s">
        <v>3835</v>
      </c>
      <c r="C6446" s="12" t="s">
        <v>3794</v>
      </c>
    </row>
    <row r="6447" spans="1:3" ht="24">
      <c r="A6447" s="13">
        <v>6445</v>
      </c>
      <c r="B6447" s="52" t="s">
        <v>3835</v>
      </c>
      <c r="C6447" s="12" t="s">
        <v>3794</v>
      </c>
    </row>
    <row r="6448" spans="1:3" ht="24">
      <c r="A6448" s="13">
        <v>6446</v>
      </c>
      <c r="B6448" s="52" t="s">
        <v>330</v>
      </c>
      <c r="C6448" s="12" t="s">
        <v>3794</v>
      </c>
    </row>
    <row r="6449" spans="1:3" ht="24">
      <c r="A6449" s="10">
        <v>6447</v>
      </c>
      <c r="B6449" s="52" t="s">
        <v>330</v>
      </c>
      <c r="C6449" s="12" t="s">
        <v>3794</v>
      </c>
    </row>
    <row r="6450" spans="1:3" ht="24">
      <c r="A6450" s="13">
        <v>6448</v>
      </c>
      <c r="B6450" s="55" t="s">
        <v>3836</v>
      </c>
      <c r="C6450" s="12" t="s">
        <v>3794</v>
      </c>
    </row>
    <row r="6451" spans="1:3" ht="24">
      <c r="A6451" s="13">
        <v>6449</v>
      </c>
      <c r="B6451" s="55" t="s">
        <v>3837</v>
      </c>
      <c r="C6451" s="12" t="s">
        <v>3794</v>
      </c>
    </row>
    <row r="6452" spans="1:3" ht="24">
      <c r="A6452" s="13">
        <v>6450</v>
      </c>
      <c r="B6452" s="55" t="s">
        <v>3837</v>
      </c>
      <c r="C6452" s="12" t="s">
        <v>3794</v>
      </c>
    </row>
    <row r="6453" spans="1:3" ht="24">
      <c r="A6453" s="10">
        <v>6451</v>
      </c>
      <c r="B6453" s="55" t="s">
        <v>3838</v>
      </c>
      <c r="C6453" s="12" t="s">
        <v>3794</v>
      </c>
    </row>
    <row r="6454" spans="1:3" ht="24">
      <c r="A6454" s="13">
        <v>6452</v>
      </c>
      <c r="B6454" s="55" t="s">
        <v>3839</v>
      </c>
      <c r="C6454" s="12" t="s">
        <v>3794</v>
      </c>
    </row>
    <row r="6455" spans="1:3" ht="24">
      <c r="A6455" s="13">
        <v>6453</v>
      </c>
      <c r="B6455" s="55" t="s">
        <v>3840</v>
      </c>
      <c r="C6455" s="12" t="s">
        <v>3794</v>
      </c>
    </row>
    <row r="6456" spans="1:3" ht="24">
      <c r="A6456" s="13">
        <v>6454</v>
      </c>
      <c r="B6456" s="55" t="s">
        <v>3409</v>
      </c>
      <c r="C6456" s="12" t="s">
        <v>3794</v>
      </c>
    </row>
    <row r="6457" spans="1:3" ht="24">
      <c r="A6457" s="10">
        <v>6455</v>
      </c>
      <c r="B6457" s="10" t="s">
        <v>3841</v>
      </c>
      <c r="C6457" s="12" t="s">
        <v>3794</v>
      </c>
    </row>
    <row r="6458" spans="1:3" ht="31.5">
      <c r="A6458" s="13">
        <v>6456</v>
      </c>
      <c r="B6458" s="10" t="s">
        <v>3842</v>
      </c>
      <c r="C6458" s="12" t="s">
        <v>3794</v>
      </c>
    </row>
    <row r="6459" spans="1:3" ht="31.5">
      <c r="A6459" s="13">
        <v>6457</v>
      </c>
      <c r="B6459" s="10" t="s">
        <v>3842</v>
      </c>
      <c r="C6459" s="12" t="s">
        <v>3794</v>
      </c>
    </row>
    <row r="6460" spans="1:3" ht="24">
      <c r="A6460" s="13">
        <v>6458</v>
      </c>
      <c r="B6460" s="15" t="s">
        <v>3843</v>
      </c>
      <c r="C6460" s="12" t="s">
        <v>3794</v>
      </c>
    </row>
    <row r="6461" spans="1:3" ht="31.5">
      <c r="A6461" s="10">
        <v>6459</v>
      </c>
      <c r="B6461" s="10" t="s">
        <v>3844</v>
      </c>
      <c r="C6461" s="12" t="s">
        <v>3794</v>
      </c>
    </row>
    <row r="6462" spans="1:3" ht="31.5">
      <c r="A6462" s="13">
        <v>6460</v>
      </c>
      <c r="B6462" s="10" t="s">
        <v>3844</v>
      </c>
      <c r="C6462" s="12" t="s">
        <v>3794</v>
      </c>
    </row>
    <row r="6463" spans="1:3" ht="24">
      <c r="A6463" s="13">
        <v>6461</v>
      </c>
      <c r="B6463" s="17" t="s">
        <v>3845</v>
      </c>
      <c r="C6463" s="12" t="s">
        <v>3794</v>
      </c>
    </row>
    <row r="6464" spans="1:3" ht="24">
      <c r="A6464" s="13">
        <v>6462</v>
      </c>
      <c r="B6464" s="56" t="s">
        <v>3846</v>
      </c>
      <c r="C6464" s="12" t="s">
        <v>3794</v>
      </c>
    </row>
    <row r="6465" spans="1:3" ht="24">
      <c r="A6465" s="10">
        <v>6463</v>
      </c>
      <c r="B6465" s="53" t="s">
        <v>3847</v>
      </c>
      <c r="C6465" s="12" t="s">
        <v>3794</v>
      </c>
    </row>
    <row r="6466" spans="1:3" ht="24">
      <c r="A6466" s="13">
        <v>6464</v>
      </c>
      <c r="B6466" s="53" t="s">
        <v>4368</v>
      </c>
      <c r="C6466" s="12" t="s">
        <v>3794</v>
      </c>
    </row>
    <row r="6467" spans="1:3" ht="24">
      <c r="A6467" s="13">
        <v>6465</v>
      </c>
      <c r="B6467" s="11" t="s">
        <v>4274</v>
      </c>
      <c r="C6467" s="12" t="s">
        <v>4275</v>
      </c>
    </row>
    <row r="6468" spans="1:3" ht="24">
      <c r="A6468" s="13">
        <v>6466</v>
      </c>
      <c r="B6468" s="10" t="s">
        <v>4276</v>
      </c>
      <c r="C6468" s="12" t="s">
        <v>4275</v>
      </c>
    </row>
    <row r="6469" spans="1:3" ht="24">
      <c r="A6469" s="10">
        <v>6467</v>
      </c>
      <c r="B6469" s="11" t="s">
        <v>12</v>
      </c>
      <c r="C6469" s="12" t="s">
        <v>4275</v>
      </c>
    </row>
    <row r="6470" spans="1:3" ht="24">
      <c r="A6470" s="13">
        <v>6468</v>
      </c>
      <c r="B6470" s="45" t="s">
        <v>3474</v>
      </c>
      <c r="C6470" s="12" t="s">
        <v>4275</v>
      </c>
    </row>
    <row r="6471" spans="1:3" ht="24">
      <c r="A6471" s="13">
        <v>6469</v>
      </c>
      <c r="B6471" s="11" t="s">
        <v>3466</v>
      </c>
      <c r="C6471" s="12" t="s">
        <v>4275</v>
      </c>
    </row>
    <row r="6472" spans="1:3" ht="24">
      <c r="A6472" s="13">
        <v>6470</v>
      </c>
      <c r="B6472" s="11" t="s">
        <v>3499</v>
      </c>
      <c r="C6472" s="12" t="s">
        <v>4275</v>
      </c>
    </row>
    <row r="6473" spans="1:3" ht="24">
      <c r="A6473" s="10">
        <v>6471</v>
      </c>
      <c r="B6473" s="11" t="s">
        <v>12</v>
      </c>
      <c r="C6473" s="12" t="s">
        <v>4275</v>
      </c>
    </row>
    <row r="6474" spans="1:3" ht="24">
      <c r="A6474" s="13">
        <v>6472</v>
      </c>
      <c r="B6474" s="45" t="s">
        <v>3474</v>
      </c>
      <c r="C6474" s="12" t="s">
        <v>4275</v>
      </c>
    </row>
    <row r="6475" spans="1:3" ht="24">
      <c r="A6475" s="13">
        <v>6473</v>
      </c>
      <c r="B6475" s="11" t="s">
        <v>3586</v>
      </c>
      <c r="C6475" s="12" t="s">
        <v>4277</v>
      </c>
    </row>
    <row r="6476" spans="1:3" ht="24">
      <c r="A6476" s="13">
        <v>6474</v>
      </c>
      <c r="B6476" s="11" t="s">
        <v>3588</v>
      </c>
      <c r="C6476" s="12" t="s">
        <v>4275</v>
      </c>
    </row>
    <row r="6477" spans="1:3" ht="24">
      <c r="A6477" s="10">
        <v>6475</v>
      </c>
      <c r="B6477" s="10" t="s">
        <v>4278</v>
      </c>
      <c r="C6477" s="12" t="s">
        <v>4275</v>
      </c>
    </row>
    <row r="6478" spans="1:3" ht="24">
      <c r="A6478" s="13">
        <v>6476</v>
      </c>
      <c r="B6478" s="17" t="s">
        <v>4279</v>
      </c>
      <c r="C6478" s="12" t="s">
        <v>4275</v>
      </c>
    </row>
    <row r="6479" spans="1:3" ht="24">
      <c r="A6479" s="13">
        <v>6477</v>
      </c>
      <c r="B6479" s="17" t="s">
        <v>4279</v>
      </c>
      <c r="C6479" s="12" t="s">
        <v>4275</v>
      </c>
    </row>
    <row r="6480" spans="1:3" ht="24">
      <c r="A6480" s="13">
        <v>6478</v>
      </c>
      <c r="B6480" s="11" t="s">
        <v>462</v>
      </c>
      <c r="C6480" s="12" t="s">
        <v>4275</v>
      </c>
    </row>
    <row r="6481" spans="1:3" ht="24">
      <c r="A6481" s="10">
        <v>6479</v>
      </c>
      <c r="B6481" s="11" t="s">
        <v>4280</v>
      </c>
      <c r="C6481" s="12" t="s">
        <v>4275</v>
      </c>
    </row>
    <row r="6482" spans="1:3" ht="24">
      <c r="A6482" s="13">
        <v>6480</v>
      </c>
      <c r="B6482" s="11" t="s">
        <v>90</v>
      </c>
      <c r="C6482" s="12" t="s">
        <v>4275</v>
      </c>
    </row>
    <row r="6483" spans="1:3" ht="24">
      <c r="A6483" s="13">
        <v>6481</v>
      </c>
      <c r="B6483" s="11" t="s">
        <v>3753</v>
      </c>
      <c r="C6483" s="12" t="s">
        <v>4275</v>
      </c>
    </row>
    <row r="6484" spans="1:3" ht="24">
      <c r="A6484" s="13">
        <v>6482</v>
      </c>
      <c r="B6484" s="11" t="s">
        <v>3753</v>
      </c>
      <c r="C6484" s="12" t="s">
        <v>4275</v>
      </c>
    </row>
    <row r="6485" spans="1:3" ht="31.5">
      <c r="A6485" s="10">
        <v>6483</v>
      </c>
      <c r="B6485" s="10" t="s">
        <v>4281</v>
      </c>
      <c r="C6485" s="12" t="s">
        <v>4275</v>
      </c>
    </row>
    <row r="6486" spans="1:3" ht="31.5">
      <c r="A6486" s="13">
        <v>6484</v>
      </c>
      <c r="B6486" s="10" t="s">
        <v>4281</v>
      </c>
      <c r="C6486" s="12" t="s">
        <v>4275</v>
      </c>
    </row>
    <row r="6487" spans="1:3" ht="24">
      <c r="A6487" s="13">
        <v>6485</v>
      </c>
      <c r="B6487" s="10" t="s">
        <v>4282</v>
      </c>
      <c r="C6487" s="12" t="s">
        <v>4275</v>
      </c>
    </row>
    <row r="6488" spans="1:3" ht="24">
      <c r="A6488" s="13">
        <v>6486</v>
      </c>
      <c r="B6488" s="20" t="s">
        <v>3409</v>
      </c>
      <c r="C6488" s="12" t="s">
        <v>4275</v>
      </c>
    </row>
    <row r="6489" spans="1:3" ht="24">
      <c r="A6489" s="10">
        <v>6487</v>
      </c>
      <c r="B6489" s="11" t="s">
        <v>3699</v>
      </c>
      <c r="C6489" s="12" t="s">
        <v>4275</v>
      </c>
    </row>
    <row r="6490" spans="1:3" ht="24">
      <c r="A6490" s="13">
        <v>6488</v>
      </c>
      <c r="B6490" s="11" t="s">
        <v>4283</v>
      </c>
      <c r="C6490" s="12" t="s">
        <v>4275</v>
      </c>
    </row>
    <row r="6491" spans="1:3" ht="24">
      <c r="A6491" s="13">
        <v>6489</v>
      </c>
      <c r="B6491" s="10" t="s">
        <v>3762</v>
      </c>
      <c r="C6491" s="12" t="s">
        <v>4275</v>
      </c>
    </row>
    <row r="6492" spans="1:3" ht="36">
      <c r="A6492" s="13">
        <v>6490</v>
      </c>
      <c r="B6492" s="11" t="s">
        <v>3420</v>
      </c>
      <c r="C6492" s="12" t="s">
        <v>4352</v>
      </c>
    </row>
    <row r="6493" spans="1:3" ht="36">
      <c r="A6493" s="10">
        <v>6491</v>
      </c>
      <c r="B6493" s="11" t="s">
        <v>3421</v>
      </c>
      <c r="C6493" s="12" t="s">
        <v>4352</v>
      </c>
    </row>
    <row r="6494" spans="1:3" ht="24">
      <c r="A6494" s="13">
        <v>6492</v>
      </c>
      <c r="B6494" s="20" t="s">
        <v>4353</v>
      </c>
      <c r="C6494" s="12" t="s">
        <v>4354</v>
      </c>
    </row>
    <row r="6495" spans="1:3" ht="36">
      <c r="A6495" s="13">
        <v>6493</v>
      </c>
      <c r="B6495" s="10" t="s">
        <v>4289</v>
      </c>
      <c r="C6495" s="12" t="s">
        <v>4352</v>
      </c>
    </row>
    <row r="6496" spans="1:3" ht="36">
      <c r="A6496" s="13">
        <v>6494</v>
      </c>
      <c r="B6496" s="53" t="s">
        <v>3900</v>
      </c>
      <c r="C6496" s="12" t="s">
        <v>4352</v>
      </c>
    </row>
    <row r="6497" spans="1:3" ht="36">
      <c r="A6497" s="10">
        <v>6495</v>
      </c>
      <c r="B6497" s="44" t="s">
        <v>3921</v>
      </c>
      <c r="C6497" s="12" t="s">
        <v>4352</v>
      </c>
    </row>
    <row r="6498" spans="1:3" ht="36">
      <c r="A6498" s="13">
        <v>6496</v>
      </c>
      <c r="B6498" s="10" t="s">
        <v>3935</v>
      </c>
      <c r="C6498" s="12" t="s">
        <v>4352</v>
      </c>
    </row>
    <row r="6499" spans="1:3" ht="36">
      <c r="A6499" s="13">
        <v>6497</v>
      </c>
      <c r="B6499" s="40" t="s">
        <v>3078</v>
      </c>
      <c r="C6499" s="12" t="s">
        <v>4352</v>
      </c>
    </row>
    <row r="6500" spans="1:3" ht="36">
      <c r="A6500" s="13">
        <v>6498</v>
      </c>
      <c r="B6500" s="53" t="s">
        <v>3872</v>
      </c>
      <c r="C6500" s="12" t="s">
        <v>4352</v>
      </c>
    </row>
    <row r="6501" spans="1:3" ht="36">
      <c r="A6501" s="10">
        <v>6499</v>
      </c>
      <c r="B6501" s="54" t="s">
        <v>3962</v>
      </c>
      <c r="C6501" s="12" t="s">
        <v>4352</v>
      </c>
    </row>
    <row r="6502" spans="1:3" ht="36">
      <c r="A6502" s="13">
        <v>6500</v>
      </c>
      <c r="B6502" s="53" t="s">
        <v>125</v>
      </c>
      <c r="C6502" s="12" t="s">
        <v>4352</v>
      </c>
    </row>
    <row r="6503" spans="1:3" ht="36">
      <c r="A6503" s="13">
        <v>6501</v>
      </c>
      <c r="B6503" s="11" t="s">
        <v>3455</v>
      </c>
      <c r="C6503" s="12" t="s">
        <v>4352</v>
      </c>
    </row>
    <row r="6504" spans="1:3" ht="36">
      <c r="A6504" s="13">
        <v>6502</v>
      </c>
      <c r="B6504" s="53" t="s">
        <v>3936</v>
      </c>
      <c r="C6504" s="12" t="s">
        <v>4352</v>
      </c>
    </row>
    <row r="6505" spans="1:3" ht="36">
      <c r="A6505" s="10">
        <v>6503</v>
      </c>
      <c r="B6505" s="11" t="s">
        <v>3937</v>
      </c>
      <c r="C6505" s="12" t="s">
        <v>4352</v>
      </c>
    </row>
    <row r="6506" spans="1:3" ht="36">
      <c r="A6506" s="13">
        <v>6504</v>
      </c>
      <c r="B6506" s="54" t="s">
        <v>3943</v>
      </c>
      <c r="C6506" s="12" t="s">
        <v>4352</v>
      </c>
    </row>
    <row r="6507" spans="1:3" ht="36">
      <c r="A6507" s="13">
        <v>6505</v>
      </c>
      <c r="B6507" s="54" t="s">
        <v>3943</v>
      </c>
      <c r="C6507" s="12" t="s">
        <v>4352</v>
      </c>
    </row>
    <row r="6508" spans="1:3" ht="36">
      <c r="A6508" s="13">
        <v>6506</v>
      </c>
      <c r="B6508" s="54" t="s">
        <v>3945</v>
      </c>
      <c r="C6508" s="12" t="s">
        <v>4352</v>
      </c>
    </row>
    <row r="6509" spans="1:3" ht="36">
      <c r="A6509" s="10">
        <v>6507</v>
      </c>
      <c r="B6509" s="54" t="s">
        <v>3942</v>
      </c>
      <c r="C6509" s="12" t="s">
        <v>4352</v>
      </c>
    </row>
    <row r="6510" spans="1:3" ht="36">
      <c r="A6510" s="13">
        <v>6508</v>
      </c>
      <c r="B6510" s="54" t="s">
        <v>3942</v>
      </c>
      <c r="C6510" s="12" t="s">
        <v>4352</v>
      </c>
    </row>
    <row r="6511" spans="1:3" ht="36">
      <c r="A6511" s="13">
        <v>6509</v>
      </c>
      <c r="B6511" s="53" t="s">
        <v>4017</v>
      </c>
      <c r="C6511" s="12" t="s">
        <v>4352</v>
      </c>
    </row>
    <row r="6512" spans="1:3" ht="36">
      <c r="A6512" s="13">
        <v>6510</v>
      </c>
      <c r="B6512" s="54" t="s">
        <v>3942</v>
      </c>
      <c r="C6512" s="12" t="s">
        <v>4352</v>
      </c>
    </row>
    <row r="6513" spans="1:3" ht="36">
      <c r="A6513" s="10">
        <v>6511</v>
      </c>
      <c r="B6513" s="54" t="s">
        <v>3942</v>
      </c>
      <c r="C6513" s="12" t="s">
        <v>4352</v>
      </c>
    </row>
    <row r="6514" spans="1:3" ht="36">
      <c r="A6514" s="13">
        <v>6512</v>
      </c>
      <c r="B6514" s="54" t="s">
        <v>3942</v>
      </c>
      <c r="C6514" s="12" t="s">
        <v>4352</v>
      </c>
    </row>
    <row r="6515" spans="1:3" ht="36">
      <c r="A6515" s="13">
        <v>6513</v>
      </c>
      <c r="B6515" s="54" t="s">
        <v>3942</v>
      </c>
      <c r="C6515" s="12" t="s">
        <v>4352</v>
      </c>
    </row>
    <row r="6516" spans="1:3" ht="36">
      <c r="A6516" s="13">
        <v>6514</v>
      </c>
      <c r="B6516" s="10" t="s">
        <v>3980</v>
      </c>
      <c r="C6516" s="12" t="s">
        <v>4352</v>
      </c>
    </row>
    <row r="6517" spans="1:3" ht="36">
      <c r="A6517" s="10">
        <v>6515</v>
      </c>
      <c r="B6517" s="54" t="s">
        <v>1190</v>
      </c>
      <c r="C6517" s="12" t="s">
        <v>4352</v>
      </c>
    </row>
    <row r="6518" spans="1:3" ht="36">
      <c r="A6518" s="13">
        <v>6516</v>
      </c>
      <c r="B6518" s="11" t="s">
        <v>3954</v>
      </c>
      <c r="C6518" s="12" t="s">
        <v>4352</v>
      </c>
    </row>
    <row r="6519" spans="1:3" ht="36">
      <c r="A6519" s="13">
        <v>6517</v>
      </c>
      <c r="B6519" s="35" t="s">
        <v>4043</v>
      </c>
      <c r="C6519" s="12" t="s">
        <v>4352</v>
      </c>
    </row>
    <row r="6520" spans="1:3" ht="36">
      <c r="A6520" s="13">
        <v>6518</v>
      </c>
      <c r="B6520" s="10" t="s">
        <v>4320</v>
      </c>
      <c r="C6520" s="12" t="s">
        <v>4352</v>
      </c>
    </row>
    <row r="6521" spans="1:3" ht="36">
      <c r="A6521" s="10">
        <v>6519</v>
      </c>
      <c r="B6521" s="26" t="s">
        <v>4321</v>
      </c>
      <c r="C6521" s="12" t="s">
        <v>4352</v>
      </c>
    </row>
    <row r="6522" spans="1:3" ht="36">
      <c r="A6522" s="13">
        <v>6520</v>
      </c>
      <c r="B6522" s="26" t="s">
        <v>4321</v>
      </c>
      <c r="C6522" s="12" t="s">
        <v>4352</v>
      </c>
    </row>
    <row r="6523" spans="1:3" ht="36">
      <c r="A6523" s="13">
        <v>6521</v>
      </c>
      <c r="B6523" s="26" t="s">
        <v>4322</v>
      </c>
      <c r="C6523" s="12" t="s">
        <v>4352</v>
      </c>
    </row>
    <row r="6524" spans="1:3" ht="36">
      <c r="A6524" s="13">
        <v>6522</v>
      </c>
      <c r="B6524" s="26" t="s">
        <v>4323</v>
      </c>
      <c r="C6524" s="12" t="s">
        <v>4352</v>
      </c>
    </row>
    <row r="6525" spans="1:3" ht="36">
      <c r="A6525" s="10">
        <v>6523</v>
      </c>
      <c r="B6525" s="26" t="s">
        <v>4323</v>
      </c>
      <c r="C6525" s="12" t="s">
        <v>4352</v>
      </c>
    </row>
    <row r="6526" spans="1:3" ht="36">
      <c r="A6526" s="13">
        <v>6524</v>
      </c>
      <c r="B6526" s="26" t="s">
        <v>4323</v>
      </c>
      <c r="C6526" s="12" t="s">
        <v>4352</v>
      </c>
    </row>
    <row r="6527" spans="1:3" ht="36">
      <c r="A6527" s="13">
        <v>6525</v>
      </c>
      <c r="B6527" s="26" t="s">
        <v>4323</v>
      </c>
      <c r="C6527" s="12" t="s">
        <v>4352</v>
      </c>
    </row>
    <row r="6528" spans="1:3" ht="36">
      <c r="A6528" s="13">
        <v>6526</v>
      </c>
      <c r="B6528" s="26" t="s">
        <v>4323</v>
      </c>
      <c r="C6528" s="12" t="s">
        <v>4352</v>
      </c>
    </row>
    <row r="6529" spans="1:3" ht="36">
      <c r="A6529" s="10">
        <v>6527</v>
      </c>
      <c r="B6529" s="26" t="s">
        <v>4323</v>
      </c>
      <c r="C6529" s="12" t="s">
        <v>4352</v>
      </c>
    </row>
    <row r="6530" spans="1:3" ht="36">
      <c r="A6530" s="13">
        <v>6528</v>
      </c>
      <c r="B6530" s="26" t="s">
        <v>4323</v>
      </c>
      <c r="C6530" s="12" t="s">
        <v>4352</v>
      </c>
    </row>
    <row r="6531" spans="1:3" ht="36">
      <c r="A6531" s="13">
        <v>6529</v>
      </c>
      <c r="B6531" s="26" t="s">
        <v>4323</v>
      </c>
      <c r="C6531" s="12" t="s">
        <v>4352</v>
      </c>
    </row>
    <row r="6532" spans="1:3" ht="36">
      <c r="A6532" s="13">
        <v>6530</v>
      </c>
      <c r="B6532" s="26" t="s">
        <v>4323</v>
      </c>
      <c r="C6532" s="12" t="s">
        <v>4352</v>
      </c>
    </row>
    <row r="6533" spans="1:3" ht="36">
      <c r="A6533" s="10">
        <v>6531</v>
      </c>
      <c r="B6533" s="26" t="s">
        <v>4323</v>
      </c>
      <c r="C6533" s="12" t="s">
        <v>4352</v>
      </c>
    </row>
    <row r="6534" spans="1:3" ht="36">
      <c r="A6534" s="13">
        <v>6532</v>
      </c>
      <c r="B6534" s="26" t="s">
        <v>4323</v>
      </c>
      <c r="C6534" s="12" t="s">
        <v>4352</v>
      </c>
    </row>
    <row r="6535" spans="1:3" ht="36">
      <c r="A6535" s="13">
        <v>6533</v>
      </c>
      <c r="B6535" s="26" t="s">
        <v>4323</v>
      </c>
      <c r="C6535" s="12" t="s">
        <v>4352</v>
      </c>
    </row>
    <row r="6536" spans="1:3" ht="36">
      <c r="A6536" s="13">
        <v>6534</v>
      </c>
      <c r="B6536" s="26" t="s">
        <v>4323</v>
      </c>
      <c r="C6536" s="12" t="s">
        <v>4352</v>
      </c>
    </row>
    <row r="6537" spans="1:3" ht="36">
      <c r="A6537" s="10">
        <v>6535</v>
      </c>
      <c r="B6537" s="26" t="s">
        <v>4323</v>
      </c>
      <c r="C6537" s="12" t="s">
        <v>4352</v>
      </c>
    </row>
    <row r="6538" spans="1:3" ht="36">
      <c r="A6538" s="13">
        <v>6536</v>
      </c>
      <c r="B6538" s="26" t="s">
        <v>4323</v>
      </c>
      <c r="C6538" s="12" t="s">
        <v>4352</v>
      </c>
    </row>
    <row r="6539" spans="1:3" ht="36">
      <c r="A6539" s="13">
        <v>6537</v>
      </c>
      <c r="B6539" s="26" t="s">
        <v>4323</v>
      </c>
      <c r="C6539" s="12" t="s">
        <v>4352</v>
      </c>
    </row>
    <row r="6540" spans="1:3" ht="36">
      <c r="A6540" s="13">
        <v>6538</v>
      </c>
      <c r="B6540" s="26" t="s">
        <v>4323</v>
      </c>
      <c r="C6540" s="12" t="s">
        <v>4352</v>
      </c>
    </row>
    <row r="6541" spans="1:3" ht="36">
      <c r="A6541" s="10">
        <v>6539</v>
      </c>
      <c r="B6541" s="26" t="s">
        <v>4323</v>
      </c>
      <c r="C6541" s="12" t="s">
        <v>4352</v>
      </c>
    </row>
    <row r="6542" spans="1:3" ht="36">
      <c r="A6542" s="13">
        <v>6540</v>
      </c>
      <c r="B6542" s="54" t="s">
        <v>3944</v>
      </c>
      <c r="C6542" s="12" t="s">
        <v>4352</v>
      </c>
    </row>
    <row r="6543" spans="1:3" ht="36">
      <c r="A6543" s="13">
        <v>6541</v>
      </c>
      <c r="B6543" s="10" t="s">
        <v>3981</v>
      </c>
      <c r="C6543" s="12" t="s">
        <v>4352</v>
      </c>
    </row>
    <row r="6544" spans="1:3" ht="36">
      <c r="A6544" s="13">
        <v>6542</v>
      </c>
      <c r="B6544" s="54" t="s">
        <v>3944</v>
      </c>
      <c r="C6544" s="12" t="s">
        <v>4352</v>
      </c>
    </row>
    <row r="6545" spans="1:3" ht="36">
      <c r="A6545" s="10">
        <v>6543</v>
      </c>
      <c r="B6545" s="54" t="s">
        <v>3952</v>
      </c>
      <c r="C6545" s="12" t="s">
        <v>4352</v>
      </c>
    </row>
    <row r="6546" spans="1:3" ht="36">
      <c r="A6546" s="13">
        <v>6544</v>
      </c>
      <c r="B6546" s="40" t="s">
        <v>4301</v>
      </c>
      <c r="C6546" s="12" t="s">
        <v>4352</v>
      </c>
    </row>
    <row r="6547" spans="1:3" ht="36">
      <c r="A6547" s="13">
        <v>6545</v>
      </c>
      <c r="B6547" s="53" t="s">
        <v>3958</v>
      </c>
      <c r="C6547" s="12" t="s">
        <v>4352</v>
      </c>
    </row>
    <row r="6548" spans="1:3" ht="36">
      <c r="A6548" s="13">
        <v>6546</v>
      </c>
      <c r="B6548" s="56" t="s">
        <v>3956</v>
      </c>
      <c r="C6548" s="12" t="s">
        <v>4352</v>
      </c>
    </row>
    <row r="6549" spans="1:3" ht="15.75">
      <c r="A6549" s="10">
        <v>6547</v>
      </c>
      <c r="B6549" s="53" t="s">
        <v>3899</v>
      </c>
      <c r="C6549" s="12" t="s">
        <v>4355</v>
      </c>
    </row>
    <row r="6550" spans="1:3" ht="15.75">
      <c r="A6550" s="13">
        <v>6548</v>
      </c>
      <c r="B6550" s="52" t="s">
        <v>617</v>
      </c>
      <c r="C6550" s="12" t="s">
        <v>4355</v>
      </c>
    </row>
    <row r="6551" spans="1:3" ht="15.75">
      <c r="A6551" s="13">
        <v>6549</v>
      </c>
      <c r="B6551" s="53" t="s">
        <v>3993</v>
      </c>
      <c r="C6551" s="12" t="s">
        <v>4355</v>
      </c>
    </row>
    <row r="6552" spans="1:3" ht="15.75">
      <c r="A6552" s="13">
        <v>6550</v>
      </c>
      <c r="B6552" s="53" t="s">
        <v>12</v>
      </c>
      <c r="C6552" s="12" t="s">
        <v>4355</v>
      </c>
    </row>
    <row r="6553" spans="1:3" ht="15.75">
      <c r="A6553" s="10">
        <v>6551</v>
      </c>
      <c r="B6553" s="53" t="s">
        <v>20</v>
      </c>
      <c r="C6553" s="12" t="s">
        <v>4355</v>
      </c>
    </row>
    <row r="6554" spans="1:3" ht="15.75">
      <c r="A6554" s="13">
        <v>6552</v>
      </c>
      <c r="B6554" s="53" t="s">
        <v>3994</v>
      </c>
      <c r="C6554" s="12" t="s">
        <v>4355</v>
      </c>
    </row>
    <row r="6555" spans="1:3" ht="15.75">
      <c r="A6555" s="13">
        <v>6553</v>
      </c>
      <c r="B6555" s="52" t="s">
        <v>3060</v>
      </c>
      <c r="C6555" s="12" t="s">
        <v>4355</v>
      </c>
    </row>
    <row r="6556" spans="1:3" ht="15.75">
      <c r="A6556" s="13">
        <v>6554</v>
      </c>
      <c r="B6556" s="52" t="s">
        <v>2300</v>
      </c>
      <c r="C6556" s="12" t="s">
        <v>4355</v>
      </c>
    </row>
    <row r="6557" spans="1:3" ht="15.75">
      <c r="A6557" s="10">
        <v>6555</v>
      </c>
      <c r="B6557" s="53" t="s">
        <v>3996</v>
      </c>
      <c r="C6557" s="12" t="s">
        <v>4355</v>
      </c>
    </row>
    <row r="6558" spans="1:3" ht="15.75">
      <c r="A6558" s="13">
        <v>6556</v>
      </c>
      <c r="B6558" s="53" t="s">
        <v>3997</v>
      </c>
      <c r="C6558" s="12" t="s">
        <v>4355</v>
      </c>
    </row>
    <row r="6559" spans="1:3" ht="15.75">
      <c r="A6559" s="13">
        <v>6557</v>
      </c>
      <c r="B6559" s="58" t="s">
        <v>3816</v>
      </c>
      <c r="C6559" s="12" t="s">
        <v>4355</v>
      </c>
    </row>
    <row r="6560" spans="1:3" ht="15.75">
      <c r="A6560" s="13">
        <v>6558</v>
      </c>
      <c r="B6560" s="54" t="s">
        <v>3999</v>
      </c>
      <c r="C6560" s="12" t="s">
        <v>4355</v>
      </c>
    </row>
    <row r="6561" spans="1:3" ht="15.75">
      <c r="A6561" s="10">
        <v>6559</v>
      </c>
      <c r="B6561" s="54" t="s">
        <v>4000</v>
      </c>
      <c r="C6561" s="12" t="s">
        <v>4355</v>
      </c>
    </row>
    <row r="6562" spans="1:3" ht="15.75">
      <c r="A6562" s="13">
        <v>6560</v>
      </c>
      <c r="B6562" s="58" t="s">
        <v>4001</v>
      </c>
      <c r="C6562" s="12" t="s">
        <v>4355</v>
      </c>
    </row>
    <row r="6563" spans="1:3" ht="15.75">
      <c r="A6563" s="13">
        <v>6561</v>
      </c>
      <c r="B6563" s="54" t="s">
        <v>4002</v>
      </c>
      <c r="C6563" s="12" t="s">
        <v>4355</v>
      </c>
    </row>
    <row r="6564" spans="1:3" ht="15.75">
      <c r="A6564" s="13">
        <v>6562</v>
      </c>
      <c r="B6564" s="55" t="s">
        <v>12</v>
      </c>
      <c r="C6564" s="12" t="s">
        <v>4355</v>
      </c>
    </row>
    <row r="6565" spans="1:3" ht="15.75">
      <c r="A6565" s="10">
        <v>6563</v>
      </c>
      <c r="B6565" s="58" t="s">
        <v>4004</v>
      </c>
      <c r="C6565" s="12" t="s">
        <v>4355</v>
      </c>
    </row>
    <row r="6566" spans="1:3" ht="15.75">
      <c r="A6566" s="13">
        <v>6564</v>
      </c>
      <c r="B6566" s="58" t="s">
        <v>4006</v>
      </c>
      <c r="C6566" s="12" t="s">
        <v>4355</v>
      </c>
    </row>
    <row r="6567" spans="1:3" ht="15.75">
      <c r="A6567" s="13">
        <v>6565</v>
      </c>
      <c r="B6567" s="10" t="s">
        <v>4007</v>
      </c>
      <c r="C6567" s="12" t="s">
        <v>4355</v>
      </c>
    </row>
    <row r="6568" spans="1:3" ht="15.75">
      <c r="A6568" s="13">
        <v>6566</v>
      </c>
      <c r="B6568" s="10" t="s">
        <v>4008</v>
      </c>
      <c r="C6568" s="12" t="s">
        <v>4355</v>
      </c>
    </row>
    <row r="6569" spans="1:3" ht="15.75">
      <c r="A6569" s="10">
        <v>6567</v>
      </c>
      <c r="B6569" s="10" t="s">
        <v>4009</v>
      </c>
      <c r="C6569" s="12" t="s">
        <v>4355</v>
      </c>
    </row>
    <row r="6570" spans="1:3" ht="15.75">
      <c r="A6570" s="13">
        <v>6568</v>
      </c>
      <c r="B6570" s="11" t="s">
        <v>12</v>
      </c>
      <c r="C6570" s="12" t="s">
        <v>4355</v>
      </c>
    </row>
    <row r="6571" spans="1:3" ht="31.5">
      <c r="A6571" s="13">
        <v>6569</v>
      </c>
      <c r="B6571" s="41" t="s">
        <v>4293</v>
      </c>
      <c r="C6571" s="12" t="s">
        <v>4355</v>
      </c>
    </row>
    <row r="6572" spans="1:3" ht="15.75">
      <c r="A6572" s="13">
        <v>6570</v>
      </c>
      <c r="B6572" s="10" t="s">
        <v>4356</v>
      </c>
      <c r="C6572" s="12" t="s">
        <v>4355</v>
      </c>
    </row>
    <row r="6573" spans="1:3" ht="15.75">
      <c r="A6573" s="10">
        <v>6571</v>
      </c>
      <c r="B6573" s="10" t="s">
        <v>4357</v>
      </c>
      <c r="C6573" s="12" t="s">
        <v>4355</v>
      </c>
    </row>
    <row r="6574" spans="1:3" ht="15.75">
      <c r="A6574" s="13">
        <v>6572</v>
      </c>
      <c r="B6574" s="56" t="s">
        <v>4010</v>
      </c>
      <c r="C6574" s="12" t="s">
        <v>4355</v>
      </c>
    </row>
    <row r="6575" spans="1:3" ht="15.75">
      <c r="A6575" s="13">
        <v>6573</v>
      </c>
      <c r="B6575" s="53" t="s">
        <v>2219</v>
      </c>
      <c r="C6575" s="12" t="s">
        <v>4355</v>
      </c>
    </row>
    <row r="6576" spans="1:3" ht="15.75">
      <c r="A6576" s="13">
        <v>6574</v>
      </c>
      <c r="B6576" s="53" t="s">
        <v>297</v>
      </c>
      <c r="C6576" s="12" t="s">
        <v>4355</v>
      </c>
    </row>
    <row r="6577" spans="1:3" ht="15.75">
      <c r="A6577" s="10">
        <v>6575</v>
      </c>
      <c r="B6577" s="53" t="s">
        <v>297</v>
      </c>
      <c r="C6577" s="12" t="s">
        <v>4355</v>
      </c>
    </row>
    <row r="6578" spans="1:3" ht="15.75">
      <c r="A6578" s="13">
        <v>6576</v>
      </c>
      <c r="B6578" s="53" t="s">
        <v>4011</v>
      </c>
      <c r="C6578" s="12" t="s">
        <v>4355</v>
      </c>
    </row>
    <row r="6579" spans="1:3" ht="15.75">
      <c r="A6579" s="13">
        <v>6577</v>
      </c>
      <c r="B6579" s="53" t="s">
        <v>330</v>
      </c>
      <c r="C6579" s="12" t="s">
        <v>4355</v>
      </c>
    </row>
    <row r="6580" spans="1:3" ht="15.75">
      <c r="A6580" s="13">
        <v>6578</v>
      </c>
      <c r="B6580" s="53" t="s">
        <v>4012</v>
      </c>
      <c r="C6580" s="12" t="s">
        <v>4355</v>
      </c>
    </row>
    <row r="6581" spans="1:3" ht="15.75">
      <c r="A6581" s="10">
        <v>6579</v>
      </c>
      <c r="B6581" s="53" t="s">
        <v>4013</v>
      </c>
      <c r="C6581" s="12" t="s">
        <v>4355</v>
      </c>
    </row>
    <row r="6582" spans="1:3" ht="15.75">
      <c r="A6582" s="13">
        <v>6580</v>
      </c>
      <c r="B6582" s="53" t="s">
        <v>1451</v>
      </c>
      <c r="C6582" s="12" t="s">
        <v>4355</v>
      </c>
    </row>
    <row r="6583" spans="1:3" ht="31.5">
      <c r="A6583" s="13">
        <v>6581</v>
      </c>
      <c r="B6583" s="53" t="s">
        <v>4014</v>
      </c>
      <c r="C6583" s="12" t="s">
        <v>4355</v>
      </c>
    </row>
    <row r="6584" spans="1:3" ht="15.75">
      <c r="A6584" s="13">
        <v>6582</v>
      </c>
      <c r="B6584" s="53" t="s">
        <v>4016</v>
      </c>
      <c r="C6584" s="12" t="s">
        <v>4355</v>
      </c>
    </row>
    <row r="6585" spans="1:3" ht="15.75">
      <c r="A6585" s="10">
        <v>6583</v>
      </c>
      <c r="B6585" s="53" t="s">
        <v>4018</v>
      </c>
      <c r="C6585" s="12" t="s">
        <v>4355</v>
      </c>
    </row>
    <row r="6586" spans="1:3" ht="15.75">
      <c r="A6586" s="13">
        <v>6584</v>
      </c>
      <c r="B6586" s="53" t="s">
        <v>530</v>
      </c>
      <c r="C6586" s="12" t="s">
        <v>4355</v>
      </c>
    </row>
    <row r="6587" spans="1:3" ht="15.75">
      <c r="A6587" s="13">
        <v>6585</v>
      </c>
      <c r="B6587" s="53" t="s">
        <v>1000</v>
      </c>
      <c r="C6587" s="12" t="s">
        <v>4355</v>
      </c>
    </row>
    <row r="6588" spans="1:3" ht="15.75">
      <c r="A6588" s="13">
        <v>6586</v>
      </c>
      <c r="B6588" s="53" t="s">
        <v>1000</v>
      </c>
      <c r="C6588" s="12" t="s">
        <v>4355</v>
      </c>
    </row>
    <row r="6589" spans="1:3" ht="15.75">
      <c r="A6589" s="10">
        <v>6587</v>
      </c>
      <c r="B6589" s="53" t="s">
        <v>1000</v>
      </c>
      <c r="C6589" s="12" t="s">
        <v>4355</v>
      </c>
    </row>
    <row r="6590" spans="1:3" ht="31.5">
      <c r="A6590" s="13">
        <v>6588</v>
      </c>
      <c r="B6590" s="53" t="s">
        <v>4019</v>
      </c>
      <c r="C6590" s="12" t="s">
        <v>4355</v>
      </c>
    </row>
    <row r="6591" spans="1:3" ht="31.5">
      <c r="A6591" s="13">
        <v>6589</v>
      </c>
      <c r="B6591" s="53" t="s">
        <v>4020</v>
      </c>
      <c r="C6591" s="12" t="s">
        <v>4355</v>
      </c>
    </row>
    <row r="6592" spans="1:3" ht="31.5">
      <c r="A6592" s="13">
        <v>6590</v>
      </c>
      <c r="B6592" s="53" t="s">
        <v>4020</v>
      </c>
      <c r="C6592" s="12" t="s">
        <v>4355</v>
      </c>
    </row>
    <row r="6593" spans="1:3" ht="15.75">
      <c r="A6593" s="10">
        <v>6591</v>
      </c>
      <c r="B6593" s="53" t="s">
        <v>4021</v>
      </c>
      <c r="C6593" s="12" t="s">
        <v>4355</v>
      </c>
    </row>
    <row r="6594" spans="1:3" ht="31.5">
      <c r="A6594" s="13">
        <v>6592</v>
      </c>
      <c r="B6594" s="53" t="s">
        <v>4022</v>
      </c>
      <c r="C6594" s="12" t="s">
        <v>4355</v>
      </c>
    </row>
    <row r="6595" spans="1:3" ht="15.75">
      <c r="A6595" s="13">
        <v>6593</v>
      </c>
      <c r="B6595" s="53" t="s">
        <v>4023</v>
      </c>
      <c r="C6595" s="12" t="s">
        <v>4355</v>
      </c>
    </row>
    <row r="6596" spans="1:3" ht="31.5">
      <c r="A6596" s="13">
        <v>6594</v>
      </c>
      <c r="B6596" s="53" t="s">
        <v>4024</v>
      </c>
      <c r="C6596" s="12" t="s">
        <v>4355</v>
      </c>
    </row>
    <row r="6597" spans="1:3" ht="15.75">
      <c r="A6597" s="10">
        <v>6595</v>
      </c>
      <c r="B6597" s="53" t="s">
        <v>4025</v>
      </c>
      <c r="C6597" s="12" t="s">
        <v>4355</v>
      </c>
    </row>
    <row r="6598" spans="1:3" ht="15.75">
      <c r="A6598" s="13">
        <v>6596</v>
      </c>
      <c r="B6598" s="53" t="s">
        <v>90</v>
      </c>
      <c r="C6598" s="12" t="s">
        <v>4355</v>
      </c>
    </row>
    <row r="6599" spans="1:3" ht="15.75">
      <c r="A6599" s="13">
        <v>6597</v>
      </c>
      <c r="B6599" s="53" t="s">
        <v>90</v>
      </c>
      <c r="C6599" s="12" t="s">
        <v>4355</v>
      </c>
    </row>
    <row r="6600" spans="1:3" ht="15.75">
      <c r="A6600" s="13">
        <v>6598</v>
      </c>
      <c r="B6600" s="53" t="s">
        <v>90</v>
      </c>
      <c r="C6600" s="12" t="s">
        <v>4355</v>
      </c>
    </row>
    <row r="6601" spans="1:3" ht="15.75">
      <c r="A6601" s="10">
        <v>6599</v>
      </c>
      <c r="B6601" s="53" t="s">
        <v>90</v>
      </c>
      <c r="C6601" s="12" t="s">
        <v>4355</v>
      </c>
    </row>
    <row r="6602" spans="1:3" ht="15.75">
      <c r="A6602" s="13">
        <v>6600</v>
      </c>
      <c r="B6602" s="53" t="s">
        <v>90</v>
      </c>
      <c r="C6602" s="12" t="s">
        <v>4355</v>
      </c>
    </row>
    <row r="6603" spans="1:3" ht="15.75">
      <c r="A6603" s="13">
        <v>6601</v>
      </c>
      <c r="B6603" s="53" t="s">
        <v>90</v>
      </c>
      <c r="C6603" s="12" t="s">
        <v>4355</v>
      </c>
    </row>
    <row r="6604" spans="1:3" ht="15.75">
      <c r="A6604" s="13">
        <v>6602</v>
      </c>
      <c r="B6604" s="53" t="s">
        <v>4027</v>
      </c>
      <c r="C6604" s="12" t="s">
        <v>4355</v>
      </c>
    </row>
    <row r="6605" spans="1:3" ht="15.75">
      <c r="A6605" s="10">
        <v>6603</v>
      </c>
      <c r="B6605" s="53" t="s">
        <v>3390</v>
      </c>
      <c r="C6605" s="12" t="s">
        <v>4355</v>
      </c>
    </row>
    <row r="6606" spans="1:3" ht="15.75">
      <c r="A6606" s="13">
        <v>6604</v>
      </c>
      <c r="B6606" s="53" t="s">
        <v>4029</v>
      </c>
      <c r="C6606" s="12" t="s">
        <v>4355</v>
      </c>
    </row>
    <row r="6607" spans="1:3" ht="15.75">
      <c r="A6607" s="13">
        <v>6605</v>
      </c>
      <c r="B6607" s="53" t="s">
        <v>4029</v>
      </c>
      <c r="C6607" s="12" t="s">
        <v>4355</v>
      </c>
    </row>
    <row r="6608" spans="1:3" ht="15.75">
      <c r="A6608" s="13">
        <v>6606</v>
      </c>
      <c r="B6608" s="53" t="s">
        <v>4029</v>
      </c>
      <c r="C6608" s="12" t="s">
        <v>4355</v>
      </c>
    </row>
    <row r="6609" spans="1:3" ht="15.75">
      <c r="A6609" s="10">
        <v>6607</v>
      </c>
      <c r="B6609" s="53" t="s">
        <v>4029</v>
      </c>
      <c r="C6609" s="12" t="s">
        <v>4355</v>
      </c>
    </row>
    <row r="6610" spans="1:3" ht="15.75">
      <c r="A6610" s="13">
        <v>6608</v>
      </c>
      <c r="B6610" s="53" t="s">
        <v>4029</v>
      </c>
      <c r="C6610" s="12" t="s">
        <v>4355</v>
      </c>
    </row>
    <row r="6611" spans="1:3" ht="15.75">
      <c r="A6611" s="13">
        <v>6609</v>
      </c>
      <c r="B6611" s="53" t="s">
        <v>4029</v>
      </c>
      <c r="C6611" s="12" t="s">
        <v>4355</v>
      </c>
    </row>
    <row r="6612" spans="1:3" ht="15.75">
      <c r="A6612" s="13">
        <v>6610</v>
      </c>
      <c r="B6612" s="53" t="s">
        <v>4029</v>
      </c>
      <c r="C6612" s="12" t="s">
        <v>4355</v>
      </c>
    </row>
    <row r="6613" spans="1:3" ht="15.75">
      <c r="A6613" s="10">
        <v>6611</v>
      </c>
      <c r="B6613" s="53" t="s">
        <v>4030</v>
      </c>
      <c r="C6613" s="12" t="s">
        <v>4355</v>
      </c>
    </row>
    <row r="6614" spans="1:3" ht="15.75">
      <c r="A6614" s="13">
        <v>6612</v>
      </c>
      <c r="B6614" s="53" t="s">
        <v>4031</v>
      </c>
      <c r="C6614" s="12" t="s">
        <v>4355</v>
      </c>
    </row>
    <row r="6615" spans="1:3" ht="15.75">
      <c r="A6615" s="13">
        <v>6613</v>
      </c>
      <c r="B6615" s="53" t="s">
        <v>4032</v>
      </c>
      <c r="C6615" s="12" t="s">
        <v>4355</v>
      </c>
    </row>
    <row r="6616" spans="1:3" ht="15.75">
      <c r="A6616" s="13">
        <v>6614</v>
      </c>
      <c r="B6616" s="10" t="s">
        <v>4035</v>
      </c>
      <c r="C6616" s="12" t="s">
        <v>4355</v>
      </c>
    </row>
    <row r="6617" spans="1:3" ht="15.75">
      <c r="A6617" s="10">
        <v>6615</v>
      </c>
      <c r="B6617" s="10" t="s">
        <v>3694</v>
      </c>
      <c r="C6617" s="12" t="s">
        <v>4355</v>
      </c>
    </row>
    <row r="6618" spans="1:3" ht="15.75">
      <c r="A6618" s="13">
        <v>6616</v>
      </c>
      <c r="B6618" s="10" t="s">
        <v>4036</v>
      </c>
      <c r="C6618" s="12" t="s">
        <v>4355</v>
      </c>
    </row>
    <row r="6619" spans="1:3" ht="15.75">
      <c r="A6619" s="13">
        <v>6617</v>
      </c>
      <c r="B6619" s="10" t="s">
        <v>4037</v>
      </c>
      <c r="C6619" s="12" t="s">
        <v>4355</v>
      </c>
    </row>
    <row r="6620" spans="1:3" ht="31.5">
      <c r="A6620" s="13">
        <v>6618</v>
      </c>
      <c r="B6620" s="10" t="s">
        <v>4038</v>
      </c>
      <c r="C6620" s="12" t="s">
        <v>4355</v>
      </c>
    </row>
    <row r="6621" spans="1:3" ht="15.75">
      <c r="A6621" s="10">
        <v>6619</v>
      </c>
      <c r="B6621" s="10" t="s">
        <v>4039</v>
      </c>
      <c r="C6621" s="12" t="s">
        <v>4355</v>
      </c>
    </row>
    <row r="6622" spans="1:3" ht="15.75">
      <c r="A6622" s="13">
        <v>6620</v>
      </c>
      <c r="B6622" s="15" t="s">
        <v>4040</v>
      </c>
      <c r="C6622" s="12" t="s">
        <v>4355</v>
      </c>
    </row>
    <row r="6623" spans="1:3" ht="31.5">
      <c r="A6623" s="13">
        <v>6621</v>
      </c>
      <c r="B6623" s="27" t="s">
        <v>4041</v>
      </c>
      <c r="C6623" s="12" t="s">
        <v>4355</v>
      </c>
    </row>
    <row r="6624" spans="1:3" ht="31.5">
      <c r="A6624" s="13">
        <v>6622</v>
      </c>
      <c r="B6624" s="27" t="s">
        <v>4041</v>
      </c>
      <c r="C6624" s="12" t="s">
        <v>4355</v>
      </c>
    </row>
    <row r="6625" spans="1:3" ht="31.5">
      <c r="A6625" s="10">
        <v>6623</v>
      </c>
      <c r="B6625" s="27" t="s">
        <v>4041</v>
      </c>
      <c r="C6625" s="12" t="s">
        <v>4355</v>
      </c>
    </row>
    <row r="6626" spans="1:3" ht="31.5">
      <c r="A6626" s="13">
        <v>6624</v>
      </c>
      <c r="B6626" s="27" t="s">
        <v>4041</v>
      </c>
      <c r="C6626" s="12" t="s">
        <v>4355</v>
      </c>
    </row>
    <row r="6627" spans="1:3" ht="31.5">
      <c r="A6627" s="13">
        <v>6625</v>
      </c>
      <c r="B6627" s="27" t="s">
        <v>4041</v>
      </c>
      <c r="C6627" s="12" t="s">
        <v>4355</v>
      </c>
    </row>
    <row r="6628" spans="1:3" ht="31.5">
      <c r="A6628" s="13">
        <v>6626</v>
      </c>
      <c r="B6628" s="27" t="s">
        <v>4041</v>
      </c>
      <c r="C6628" s="12" t="s">
        <v>4355</v>
      </c>
    </row>
    <row r="6629" spans="1:3" ht="31.5">
      <c r="A6629" s="10">
        <v>6627</v>
      </c>
      <c r="B6629" s="27" t="s">
        <v>4041</v>
      </c>
      <c r="C6629" s="12" t="s">
        <v>4355</v>
      </c>
    </row>
    <row r="6630" spans="1:3" ht="31.5">
      <c r="A6630" s="13">
        <v>6628</v>
      </c>
      <c r="B6630" s="27" t="s">
        <v>4041</v>
      </c>
      <c r="C6630" s="12" t="s">
        <v>4355</v>
      </c>
    </row>
    <row r="6631" spans="1:3" ht="31.5">
      <c r="A6631" s="13">
        <v>6629</v>
      </c>
      <c r="B6631" s="27" t="s">
        <v>4041</v>
      </c>
      <c r="C6631" s="12" t="s">
        <v>4355</v>
      </c>
    </row>
    <row r="6632" spans="1:3" ht="31.5">
      <c r="A6632" s="13">
        <v>6630</v>
      </c>
      <c r="B6632" s="27" t="s">
        <v>4041</v>
      </c>
      <c r="C6632" s="12" t="s">
        <v>4355</v>
      </c>
    </row>
    <row r="6633" spans="1:3" ht="31.5">
      <c r="A6633" s="10">
        <v>6631</v>
      </c>
      <c r="B6633" s="27" t="s">
        <v>4041</v>
      </c>
      <c r="C6633" s="12" t="s">
        <v>4355</v>
      </c>
    </row>
    <row r="6634" spans="1:3" ht="31.5">
      <c r="A6634" s="13">
        <v>6632</v>
      </c>
      <c r="B6634" s="27" t="s">
        <v>4041</v>
      </c>
      <c r="C6634" s="12" t="s">
        <v>4355</v>
      </c>
    </row>
    <row r="6635" spans="1:3" ht="31.5">
      <c r="A6635" s="13">
        <v>6633</v>
      </c>
      <c r="B6635" s="27" t="s">
        <v>4042</v>
      </c>
      <c r="C6635" s="12" t="s">
        <v>4355</v>
      </c>
    </row>
    <row r="6636" spans="1:3" ht="31.5">
      <c r="A6636" s="13">
        <v>6634</v>
      </c>
      <c r="B6636" s="27" t="s">
        <v>4042</v>
      </c>
      <c r="C6636" s="12" t="s">
        <v>4355</v>
      </c>
    </row>
    <row r="6637" spans="1:3" ht="31.5">
      <c r="A6637" s="10">
        <v>6635</v>
      </c>
      <c r="B6637" s="10" t="s">
        <v>4044</v>
      </c>
      <c r="C6637" s="12" t="s">
        <v>4355</v>
      </c>
    </row>
    <row r="6638" spans="1:3" ht="15.75">
      <c r="A6638" s="13">
        <v>6636</v>
      </c>
      <c r="B6638" s="18" t="s">
        <v>1000</v>
      </c>
      <c r="C6638" s="12" t="s">
        <v>4355</v>
      </c>
    </row>
    <row r="6639" spans="1:3" ht="15.75">
      <c r="A6639" s="13">
        <v>6637</v>
      </c>
      <c r="B6639" s="26" t="s">
        <v>4300</v>
      </c>
      <c r="C6639" s="12" t="s">
        <v>4355</v>
      </c>
    </row>
    <row r="6640" spans="1:3" ht="31.5">
      <c r="A6640" s="13">
        <v>6638</v>
      </c>
      <c r="B6640" s="15" t="s">
        <v>4303</v>
      </c>
      <c r="C6640" s="12" t="s">
        <v>4355</v>
      </c>
    </row>
    <row r="6641" spans="1:3" ht="15.75">
      <c r="A6641" s="10">
        <v>6639</v>
      </c>
      <c r="B6641" s="10" t="s">
        <v>4308</v>
      </c>
      <c r="C6641" s="12" t="s">
        <v>4355</v>
      </c>
    </row>
    <row r="6642" spans="1:3" ht="15.75">
      <c r="A6642" s="13">
        <v>6640</v>
      </c>
      <c r="B6642" s="10" t="s">
        <v>4308</v>
      </c>
      <c r="C6642" s="12" t="s">
        <v>4355</v>
      </c>
    </row>
    <row r="6643" spans="1:3" ht="15.75">
      <c r="A6643" s="13">
        <v>6641</v>
      </c>
      <c r="B6643" s="56" t="s">
        <v>4045</v>
      </c>
      <c r="C6643" s="12" t="s">
        <v>4355</v>
      </c>
    </row>
    <row r="6644" spans="1:3" ht="15.75">
      <c r="A6644" s="13">
        <v>6642</v>
      </c>
      <c r="B6644" s="53" t="s">
        <v>4326</v>
      </c>
      <c r="C6644" s="12" t="s">
        <v>4355</v>
      </c>
    </row>
    <row r="6645" spans="1:3" ht="15.75">
      <c r="A6645" s="10">
        <v>6643</v>
      </c>
      <c r="B6645" s="53" t="s">
        <v>4046</v>
      </c>
      <c r="C6645" s="12" t="s">
        <v>4355</v>
      </c>
    </row>
    <row r="6646" spans="1:3" ht="15.75">
      <c r="A6646" s="13">
        <v>6644</v>
      </c>
      <c r="B6646" s="53" t="s">
        <v>4047</v>
      </c>
      <c r="C6646" s="12" t="s">
        <v>4355</v>
      </c>
    </row>
    <row r="6647" spans="1:3" ht="15.75">
      <c r="A6647" s="13">
        <v>6645</v>
      </c>
      <c r="B6647" s="53" t="s">
        <v>4048</v>
      </c>
      <c r="C6647" s="12" t="s">
        <v>4355</v>
      </c>
    </row>
    <row r="6648" spans="1:3" ht="15.75">
      <c r="A6648" s="13">
        <v>6646</v>
      </c>
      <c r="B6648" s="53" t="s">
        <v>4049</v>
      </c>
      <c r="C6648" s="12" t="s">
        <v>4355</v>
      </c>
    </row>
    <row r="6649" spans="1:3" ht="15.75">
      <c r="A6649" s="10">
        <v>6647</v>
      </c>
      <c r="B6649" s="53" t="s">
        <v>4050</v>
      </c>
      <c r="C6649" s="12" t="s">
        <v>4355</v>
      </c>
    </row>
    <row r="6650" spans="1:3" ht="15.75">
      <c r="A6650" s="13">
        <v>6648</v>
      </c>
      <c r="B6650" s="53" t="s">
        <v>4051</v>
      </c>
      <c r="C6650" s="12" t="s">
        <v>4355</v>
      </c>
    </row>
    <row r="6651" spans="1:3" ht="15.75">
      <c r="A6651" s="13">
        <v>6649</v>
      </c>
      <c r="B6651" s="53" t="s">
        <v>4052</v>
      </c>
      <c r="C6651" s="12" t="s">
        <v>4355</v>
      </c>
    </row>
    <row r="6652" spans="1:3" ht="15.75">
      <c r="A6652" s="13">
        <v>6650</v>
      </c>
      <c r="B6652" s="53" t="s">
        <v>4046</v>
      </c>
      <c r="C6652" s="12" t="s">
        <v>4355</v>
      </c>
    </row>
    <row r="6653" spans="1:3" ht="15.75">
      <c r="A6653" s="10">
        <v>6651</v>
      </c>
      <c r="B6653" s="53" t="s">
        <v>4053</v>
      </c>
      <c r="C6653" s="12" t="s">
        <v>4355</v>
      </c>
    </row>
    <row r="6654" spans="1:3" ht="15.75">
      <c r="A6654" s="13">
        <v>6652</v>
      </c>
      <c r="B6654" s="53" t="s">
        <v>4048</v>
      </c>
      <c r="C6654" s="12" t="s">
        <v>4355</v>
      </c>
    </row>
    <row r="6655" spans="1:3" ht="15.75">
      <c r="A6655" s="13">
        <v>6653</v>
      </c>
      <c r="B6655" s="53" t="s">
        <v>4054</v>
      </c>
      <c r="C6655" s="12" t="s">
        <v>4355</v>
      </c>
    </row>
    <row r="6656" spans="1:3" ht="15.75">
      <c r="A6656" s="13">
        <v>6654</v>
      </c>
      <c r="B6656" s="53" t="s">
        <v>4055</v>
      </c>
      <c r="C6656" s="12" t="s">
        <v>4355</v>
      </c>
    </row>
    <row r="6657" spans="1:3" ht="15.75">
      <c r="A6657" s="10">
        <v>6655</v>
      </c>
      <c r="B6657" s="53" t="s">
        <v>4056</v>
      </c>
      <c r="C6657" s="12" t="s">
        <v>4355</v>
      </c>
    </row>
    <row r="6658" spans="1:3" ht="15.75">
      <c r="A6658" s="13">
        <v>6656</v>
      </c>
      <c r="B6658" s="53" t="s">
        <v>4057</v>
      </c>
      <c r="C6658" s="12" t="s">
        <v>4355</v>
      </c>
    </row>
    <row r="6659" spans="1:3" ht="15.75">
      <c r="A6659" s="13">
        <v>6657</v>
      </c>
      <c r="B6659" s="53" t="s">
        <v>4058</v>
      </c>
      <c r="C6659" s="12" t="s">
        <v>4355</v>
      </c>
    </row>
    <row r="6660" spans="1:3" ht="15.75">
      <c r="A6660" s="13">
        <v>6658</v>
      </c>
      <c r="B6660" s="53" t="s">
        <v>4059</v>
      </c>
      <c r="C6660" s="12" t="s">
        <v>4355</v>
      </c>
    </row>
    <row r="6661" spans="1:3" ht="15.75">
      <c r="A6661" s="10">
        <v>6659</v>
      </c>
      <c r="B6661" s="53" t="s">
        <v>4058</v>
      </c>
      <c r="C6661" s="12" t="s">
        <v>4355</v>
      </c>
    </row>
    <row r="6662" spans="1:3" ht="15.75">
      <c r="A6662" s="13">
        <v>6660</v>
      </c>
      <c r="B6662" s="53" t="s">
        <v>4060</v>
      </c>
      <c r="C6662" s="12" t="s">
        <v>4355</v>
      </c>
    </row>
    <row r="6663" spans="1:3" ht="15.75">
      <c r="A6663" s="13">
        <v>6661</v>
      </c>
      <c r="B6663" s="53" t="s">
        <v>4061</v>
      </c>
      <c r="C6663" s="12" t="s">
        <v>4355</v>
      </c>
    </row>
    <row r="6664" spans="1:3" ht="15.75">
      <c r="A6664" s="13">
        <v>6662</v>
      </c>
      <c r="B6664" s="53" t="s">
        <v>4062</v>
      </c>
      <c r="C6664" s="12" t="s">
        <v>4355</v>
      </c>
    </row>
    <row r="6665" spans="1:3" ht="15.75">
      <c r="A6665" s="10">
        <v>6663</v>
      </c>
      <c r="B6665" s="53" t="s">
        <v>4058</v>
      </c>
      <c r="C6665" s="12" t="s">
        <v>4355</v>
      </c>
    </row>
    <row r="6666" spans="1:3" ht="15.75">
      <c r="A6666" s="13">
        <v>6664</v>
      </c>
      <c r="B6666" s="53" t="s">
        <v>4063</v>
      </c>
      <c r="C6666" s="12" t="s">
        <v>4355</v>
      </c>
    </row>
    <row r="6667" spans="1:3" ht="15.75">
      <c r="A6667" s="13">
        <v>6665</v>
      </c>
      <c r="B6667" s="53" t="s">
        <v>4064</v>
      </c>
      <c r="C6667" s="12" t="s">
        <v>4355</v>
      </c>
    </row>
    <row r="6668" spans="1:3" ht="15.75">
      <c r="A6668" s="13">
        <v>6666</v>
      </c>
      <c r="B6668" s="53" t="s">
        <v>4048</v>
      </c>
      <c r="C6668" s="12" t="s">
        <v>4355</v>
      </c>
    </row>
    <row r="6669" spans="1:3" ht="15.75">
      <c r="A6669" s="10">
        <v>6667</v>
      </c>
      <c r="B6669" s="53" t="s">
        <v>4058</v>
      </c>
      <c r="C6669" s="12" t="s">
        <v>4355</v>
      </c>
    </row>
    <row r="6670" spans="1:3" ht="15.75">
      <c r="A6670" s="13">
        <v>6668</v>
      </c>
      <c r="B6670" s="53" t="s">
        <v>4065</v>
      </c>
      <c r="C6670" s="12" t="s">
        <v>4355</v>
      </c>
    </row>
    <row r="6671" spans="1:3" ht="15.75">
      <c r="A6671" s="13">
        <v>6669</v>
      </c>
      <c r="B6671" s="53" t="s">
        <v>4066</v>
      </c>
      <c r="C6671" s="12" t="s">
        <v>4355</v>
      </c>
    </row>
    <row r="6672" spans="1:3" ht="15.75">
      <c r="A6672" s="13">
        <v>6670</v>
      </c>
      <c r="B6672" s="53" t="s">
        <v>4053</v>
      </c>
      <c r="C6672" s="12" t="s">
        <v>4355</v>
      </c>
    </row>
    <row r="6673" spans="1:3" ht="15.75">
      <c r="A6673" s="10">
        <v>6671</v>
      </c>
      <c r="B6673" s="53" t="s">
        <v>4064</v>
      </c>
      <c r="C6673" s="12" t="s">
        <v>4355</v>
      </c>
    </row>
    <row r="6674" spans="1:3" ht="15.75">
      <c r="A6674" s="13">
        <v>6672</v>
      </c>
      <c r="B6674" s="53" t="s">
        <v>4058</v>
      </c>
      <c r="C6674" s="12" t="s">
        <v>4355</v>
      </c>
    </row>
    <row r="6675" spans="1:3" ht="15.75">
      <c r="A6675" s="13">
        <v>6673</v>
      </c>
      <c r="B6675" s="53" t="s">
        <v>4052</v>
      </c>
      <c r="C6675" s="12" t="s">
        <v>4355</v>
      </c>
    </row>
    <row r="6676" spans="1:3" ht="15.75">
      <c r="A6676" s="13">
        <v>6674</v>
      </c>
      <c r="B6676" s="53" t="s">
        <v>4066</v>
      </c>
      <c r="C6676" s="12" t="s">
        <v>4355</v>
      </c>
    </row>
    <row r="6677" spans="1:3" ht="15.75">
      <c r="A6677" s="10">
        <v>6675</v>
      </c>
      <c r="B6677" s="53" t="s">
        <v>4064</v>
      </c>
      <c r="C6677" s="12" t="s">
        <v>4355</v>
      </c>
    </row>
    <row r="6678" spans="1:3" ht="15.75">
      <c r="A6678" s="13">
        <v>6676</v>
      </c>
      <c r="B6678" s="53" t="s">
        <v>4067</v>
      </c>
      <c r="C6678" s="12" t="s">
        <v>4355</v>
      </c>
    </row>
    <row r="6679" spans="1:3" ht="15.75">
      <c r="A6679" s="13">
        <v>6677</v>
      </c>
      <c r="B6679" s="53" t="s">
        <v>4068</v>
      </c>
      <c r="C6679" s="12" t="s">
        <v>4355</v>
      </c>
    </row>
    <row r="6680" spans="1:3" ht="15.75">
      <c r="A6680" s="13">
        <v>6678</v>
      </c>
      <c r="B6680" s="53" t="s">
        <v>4069</v>
      </c>
      <c r="C6680" s="12" t="s">
        <v>4355</v>
      </c>
    </row>
    <row r="6681" spans="1:3" ht="15.75">
      <c r="A6681" s="10">
        <v>6679</v>
      </c>
      <c r="B6681" s="53" t="s">
        <v>4064</v>
      </c>
      <c r="C6681" s="12" t="s">
        <v>4355</v>
      </c>
    </row>
    <row r="6682" spans="1:3" ht="15.75">
      <c r="A6682" s="13">
        <v>6680</v>
      </c>
      <c r="B6682" s="53" t="s">
        <v>4070</v>
      </c>
      <c r="C6682" s="12" t="s">
        <v>4355</v>
      </c>
    </row>
    <row r="6683" spans="1:3" ht="15.75">
      <c r="A6683" s="13">
        <v>6681</v>
      </c>
      <c r="B6683" s="53" t="s">
        <v>4063</v>
      </c>
      <c r="C6683" s="12" t="s">
        <v>4355</v>
      </c>
    </row>
    <row r="6684" spans="1:3" ht="15.75">
      <c r="A6684" s="13">
        <v>6682</v>
      </c>
      <c r="B6684" s="53" t="s">
        <v>4064</v>
      </c>
      <c r="C6684" s="12" t="s">
        <v>4355</v>
      </c>
    </row>
    <row r="6685" spans="1:3" ht="15.75">
      <c r="A6685" s="10">
        <v>6683</v>
      </c>
      <c r="B6685" s="53" t="s">
        <v>4058</v>
      </c>
      <c r="C6685" s="12" t="s">
        <v>4355</v>
      </c>
    </row>
    <row r="6686" spans="1:3" ht="15.75">
      <c r="A6686" s="13">
        <v>6684</v>
      </c>
      <c r="B6686" s="53" t="s">
        <v>4064</v>
      </c>
      <c r="C6686" s="12" t="s">
        <v>4355</v>
      </c>
    </row>
    <row r="6687" spans="1:3" ht="15.75">
      <c r="A6687" s="13">
        <v>6685</v>
      </c>
      <c r="B6687" s="53" t="s">
        <v>4055</v>
      </c>
      <c r="C6687" s="12" t="s">
        <v>4355</v>
      </c>
    </row>
    <row r="6688" spans="1:3" ht="15.75">
      <c r="A6688" s="13">
        <v>6686</v>
      </c>
      <c r="B6688" s="53" t="s">
        <v>4058</v>
      </c>
      <c r="C6688" s="12" t="s">
        <v>4355</v>
      </c>
    </row>
    <row r="6689" spans="1:3" ht="15.75">
      <c r="A6689" s="10">
        <v>6687</v>
      </c>
      <c r="B6689" s="53" t="s">
        <v>4071</v>
      </c>
      <c r="C6689" s="12" t="s">
        <v>4355</v>
      </c>
    </row>
    <row r="6690" spans="1:3" ht="15.75">
      <c r="A6690" s="13">
        <v>6688</v>
      </c>
      <c r="B6690" s="53" t="s">
        <v>4055</v>
      </c>
      <c r="C6690" s="12" t="s">
        <v>4355</v>
      </c>
    </row>
    <row r="6691" spans="1:3" ht="15.75">
      <c r="A6691" s="13">
        <v>6689</v>
      </c>
      <c r="B6691" s="53" t="s">
        <v>4072</v>
      </c>
      <c r="C6691" s="12" t="s">
        <v>4355</v>
      </c>
    </row>
    <row r="6692" spans="1:3" ht="15.75">
      <c r="A6692" s="13">
        <v>6690</v>
      </c>
      <c r="B6692" s="53" t="s">
        <v>4073</v>
      </c>
      <c r="C6692" s="12" t="s">
        <v>4355</v>
      </c>
    </row>
    <row r="6693" spans="1:3" ht="15.75">
      <c r="A6693" s="10">
        <v>6691</v>
      </c>
      <c r="B6693" s="53" t="s">
        <v>4064</v>
      </c>
      <c r="C6693" s="12" t="s">
        <v>4355</v>
      </c>
    </row>
    <row r="6694" spans="1:3" ht="15.75">
      <c r="A6694" s="13">
        <v>6692</v>
      </c>
      <c r="B6694" s="53" t="s">
        <v>4066</v>
      </c>
      <c r="C6694" s="12" t="s">
        <v>4355</v>
      </c>
    </row>
    <row r="6695" spans="1:3" ht="15.75">
      <c r="A6695" s="13">
        <v>6693</v>
      </c>
      <c r="B6695" s="53" t="s">
        <v>4053</v>
      </c>
      <c r="C6695" s="12" t="s">
        <v>4355</v>
      </c>
    </row>
    <row r="6696" spans="1:3" ht="15.75">
      <c r="A6696" s="13">
        <v>6694</v>
      </c>
      <c r="B6696" s="53" t="s">
        <v>4048</v>
      </c>
      <c r="C6696" s="12" t="s">
        <v>4355</v>
      </c>
    </row>
    <row r="6697" spans="1:3" ht="15.75">
      <c r="A6697" s="10">
        <v>6695</v>
      </c>
      <c r="B6697" s="53" t="s">
        <v>4048</v>
      </c>
      <c r="C6697" s="12" t="s">
        <v>4355</v>
      </c>
    </row>
    <row r="6698" spans="1:3" ht="15.75">
      <c r="A6698" s="13">
        <v>6696</v>
      </c>
      <c r="B6698" s="53" t="s">
        <v>4074</v>
      </c>
      <c r="C6698" s="12" t="s">
        <v>4355</v>
      </c>
    </row>
    <row r="6699" spans="1:3" ht="15.75">
      <c r="A6699" s="13">
        <v>6697</v>
      </c>
      <c r="B6699" s="53" t="s">
        <v>4064</v>
      </c>
      <c r="C6699" s="12" t="s">
        <v>4355</v>
      </c>
    </row>
    <row r="6700" spans="1:3" ht="15.75">
      <c r="A6700" s="13">
        <v>6698</v>
      </c>
      <c r="B6700" s="53" t="s">
        <v>4075</v>
      </c>
      <c r="C6700" s="12" t="s">
        <v>4355</v>
      </c>
    </row>
    <row r="6701" spans="1:3" ht="15.75">
      <c r="A6701" s="10">
        <v>6699</v>
      </c>
      <c r="B6701" s="53" t="s">
        <v>4076</v>
      </c>
      <c r="C6701" s="12" t="s">
        <v>4355</v>
      </c>
    </row>
    <row r="6702" spans="1:3" ht="15.75">
      <c r="A6702" s="13">
        <v>6700</v>
      </c>
      <c r="B6702" s="53" t="s">
        <v>4052</v>
      </c>
      <c r="C6702" s="12" t="s">
        <v>4355</v>
      </c>
    </row>
    <row r="6703" spans="1:3" ht="15.75">
      <c r="A6703" s="13">
        <v>6701</v>
      </c>
      <c r="B6703" s="53" t="s">
        <v>4077</v>
      </c>
      <c r="C6703" s="12" t="s">
        <v>4355</v>
      </c>
    </row>
    <row r="6704" spans="1:3" ht="15.75">
      <c r="A6704" s="13">
        <v>6702</v>
      </c>
      <c r="B6704" s="53" t="s">
        <v>4074</v>
      </c>
      <c r="C6704" s="12" t="s">
        <v>4355</v>
      </c>
    </row>
    <row r="6705" spans="1:3" ht="15.75">
      <c r="A6705" s="10">
        <v>6703</v>
      </c>
      <c r="B6705" s="53" t="s">
        <v>4056</v>
      </c>
      <c r="C6705" s="12" t="s">
        <v>4355</v>
      </c>
    </row>
    <row r="6706" spans="1:3" ht="15.75">
      <c r="A6706" s="13">
        <v>6704</v>
      </c>
      <c r="B6706" s="53" t="s">
        <v>4063</v>
      </c>
      <c r="C6706" s="12" t="s">
        <v>4355</v>
      </c>
    </row>
    <row r="6707" spans="1:3" ht="15.75">
      <c r="A6707" s="13">
        <v>6705</v>
      </c>
      <c r="B6707" s="53" t="s">
        <v>4050</v>
      </c>
      <c r="C6707" s="12" t="s">
        <v>4355</v>
      </c>
    </row>
    <row r="6708" spans="1:3" ht="15.75">
      <c r="A6708" s="13">
        <v>6706</v>
      </c>
      <c r="B6708" s="53" t="s">
        <v>4078</v>
      </c>
      <c r="C6708" s="12" t="s">
        <v>4355</v>
      </c>
    </row>
    <row r="6709" spans="1:3" ht="15.75">
      <c r="A6709" s="10">
        <v>6707</v>
      </c>
      <c r="B6709" s="53" t="s">
        <v>4063</v>
      </c>
      <c r="C6709" s="12" t="s">
        <v>4355</v>
      </c>
    </row>
    <row r="6710" spans="1:3" ht="15.75">
      <c r="A6710" s="13">
        <v>6708</v>
      </c>
      <c r="B6710" s="53" t="s">
        <v>4063</v>
      </c>
      <c r="C6710" s="12" t="s">
        <v>4355</v>
      </c>
    </row>
    <row r="6711" spans="1:3" ht="15.75">
      <c r="A6711" s="13">
        <v>6709</v>
      </c>
      <c r="B6711" s="53" t="s">
        <v>4058</v>
      </c>
      <c r="C6711" s="12" t="s">
        <v>4355</v>
      </c>
    </row>
    <row r="6712" spans="1:3" ht="15.75">
      <c r="A6712" s="13">
        <v>6710</v>
      </c>
      <c r="B6712" s="53" t="s">
        <v>4048</v>
      </c>
      <c r="C6712" s="12" t="s">
        <v>4355</v>
      </c>
    </row>
    <row r="6713" spans="1:3" ht="15.75">
      <c r="A6713" s="10">
        <v>6711</v>
      </c>
      <c r="B6713" s="53" t="s">
        <v>4079</v>
      </c>
      <c r="C6713" s="12" t="s">
        <v>4355</v>
      </c>
    </row>
    <row r="6714" spans="1:3" ht="15.75">
      <c r="A6714" s="13">
        <v>6712</v>
      </c>
      <c r="B6714" s="53" t="s">
        <v>4080</v>
      </c>
      <c r="C6714" s="12" t="s">
        <v>4355</v>
      </c>
    </row>
    <row r="6715" spans="1:3" ht="15.75">
      <c r="A6715" s="13">
        <v>6713</v>
      </c>
      <c r="B6715" s="53" t="s">
        <v>4081</v>
      </c>
      <c r="C6715" s="12" t="s">
        <v>4355</v>
      </c>
    </row>
    <row r="6716" spans="1:3" ht="15.75">
      <c r="A6716" s="13">
        <v>6714</v>
      </c>
      <c r="B6716" s="53" t="s">
        <v>4082</v>
      </c>
      <c r="C6716" s="12" t="s">
        <v>4355</v>
      </c>
    </row>
    <row r="6717" spans="1:3" ht="15.75">
      <c r="A6717" s="10">
        <v>6715</v>
      </c>
      <c r="B6717" s="53" t="s">
        <v>4048</v>
      </c>
      <c r="C6717" s="12" t="s">
        <v>4355</v>
      </c>
    </row>
    <row r="6718" spans="1:3" ht="15.75">
      <c r="A6718" s="13">
        <v>6716</v>
      </c>
      <c r="B6718" s="53" t="s">
        <v>4059</v>
      </c>
      <c r="C6718" s="12" t="s">
        <v>4355</v>
      </c>
    </row>
    <row r="6719" spans="1:3" ht="15.75">
      <c r="A6719" s="13">
        <v>6717</v>
      </c>
      <c r="B6719" s="53" t="s">
        <v>4058</v>
      </c>
      <c r="C6719" s="12" t="s">
        <v>4355</v>
      </c>
    </row>
    <row r="6720" spans="1:3" ht="15.75">
      <c r="A6720" s="13">
        <v>6718</v>
      </c>
      <c r="B6720" s="53" t="s">
        <v>4073</v>
      </c>
      <c r="C6720" s="12" t="s">
        <v>4355</v>
      </c>
    </row>
    <row r="6721" spans="1:3" ht="15.75">
      <c r="A6721" s="10">
        <v>6719</v>
      </c>
      <c r="B6721" s="53" t="s">
        <v>4052</v>
      </c>
      <c r="C6721" s="12" t="s">
        <v>4355</v>
      </c>
    </row>
    <row r="6722" spans="1:3" ht="15.75">
      <c r="A6722" s="13">
        <v>6720</v>
      </c>
      <c r="B6722" s="53" t="s">
        <v>4083</v>
      </c>
      <c r="C6722" s="12" t="s">
        <v>4355</v>
      </c>
    </row>
    <row r="6723" spans="1:3" ht="15.75">
      <c r="A6723" s="13">
        <v>6721</v>
      </c>
      <c r="B6723" s="53" t="s">
        <v>4084</v>
      </c>
      <c r="C6723" s="12" t="s">
        <v>4355</v>
      </c>
    </row>
    <row r="6724" spans="1:3" ht="15.75">
      <c r="A6724" s="13">
        <v>6722</v>
      </c>
      <c r="B6724" s="53" t="s">
        <v>4085</v>
      </c>
      <c r="C6724" s="12" t="s">
        <v>4355</v>
      </c>
    </row>
    <row r="6725" spans="1:3" ht="15.75">
      <c r="A6725" s="10">
        <v>6723</v>
      </c>
      <c r="B6725" s="53" t="s">
        <v>4086</v>
      </c>
      <c r="C6725" s="12" t="s">
        <v>4355</v>
      </c>
    </row>
    <row r="6726" spans="1:3" ht="15.75">
      <c r="A6726" s="13">
        <v>6724</v>
      </c>
      <c r="B6726" s="53" t="s">
        <v>4087</v>
      </c>
      <c r="C6726" s="12" t="s">
        <v>4355</v>
      </c>
    </row>
    <row r="6727" spans="1:3" ht="15.75">
      <c r="A6727" s="13">
        <v>6725</v>
      </c>
      <c r="B6727" s="53" t="s">
        <v>4071</v>
      </c>
      <c r="C6727" s="12" t="s">
        <v>4355</v>
      </c>
    </row>
    <row r="6728" spans="1:3" ht="15.75">
      <c r="A6728" s="13">
        <v>6726</v>
      </c>
      <c r="B6728" s="53" t="s">
        <v>4088</v>
      </c>
      <c r="C6728" s="12" t="s">
        <v>4355</v>
      </c>
    </row>
    <row r="6729" spans="1:3" ht="15.75">
      <c r="A6729" s="10">
        <v>6727</v>
      </c>
      <c r="B6729" s="53" t="s">
        <v>4089</v>
      </c>
      <c r="C6729" s="12" t="s">
        <v>4355</v>
      </c>
    </row>
    <row r="6730" spans="1:3" ht="15.75">
      <c r="A6730" s="13">
        <v>6728</v>
      </c>
      <c r="B6730" s="53" t="s">
        <v>4063</v>
      </c>
      <c r="C6730" s="12" t="s">
        <v>4355</v>
      </c>
    </row>
    <row r="6731" spans="1:3" ht="15.75">
      <c r="A6731" s="13">
        <v>6729</v>
      </c>
      <c r="B6731" s="53" t="s">
        <v>4055</v>
      </c>
      <c r="C6731" s="12" t="s">
        <v>4355</v>
      </c>
    </row>
    <row r="6732" spans="1:3" ht="15.75">
      <c r="A6732" s="13">
        <v>6730</v>
      </c>
      <c r="B6732" s="53" t="s">
        <v>4090</v>
      </c>
      <c r="C6732" s="12" t="s">
        <v>4355</v>
      </c>
    </row>
    <row r="6733" spans="1:3" ht="15.75">
      <c r="A6733" s="10">
        <v>6731</v>
      </c>
      <c r="B6733" s="53" t="s">
        <v>4076</v>
      </c>
      <c r="C6733" s="12" t="s">
        <v>4355</v>
      </c>
    </row>
    <row r="6734" spans="1:3" ht="15.75">
      <c r="A6734" s="13">
        <v>6732</v>
      </c>
      <c r="B6734" s="53" t="s">
        <v>4091</v>
      </c>
      <c r="C6734" s="12" t="s">
        <v>4355</v>
      </c>
    </row>
    <row r="6735" spans="1:3" ht="15.75">
      <c r="A6735" s="13">
        <v>6733</v>
      </c>
      <c r="B6735" s="53" t="s">
        <v>4052</v>
      </c>
      <c r="C6735" s="12" t="s">
        <v>4355</v>
      </c>
    </row>
    <row r="6736" spans="1:3" ht="15.75">
      <c r="A6736" s="13">
        <v>6734</v>
      </c>
      <c r="B6736" s="53" t="s">
        <v>4092</v>
      </c>
      <c r="C6736" s="12" t="s">
        <v>4355</v>
      </c>
    </row>
    <row r="6737" spans="1:3" ht="15.75">
      <c r="A6737" s="10">
        <v>6735</v>
      </c>
      <c r="B6737" s="53" t="s">
        <v>4093</v>
      </c>
      <c r="C6737" s="12" t="s">
        <v>4355</v>
      </c>
    </row>
    <row r="6738" spans="1:3" ht="15.75">
      <c r="A6738" s="13">
        <v>6736</v>
      </c>
      <c r="B6738" s="53" t="s">
        <v>4060</v>
      </c>
      <c r="C6738" s="12" t="s">
        <v>4355</v>
      </c>
    </row>
    <row r="6739" spans="1:3" ht="15.75">
      <c r="A6739" s="13">
        <v>6737</v>
      </c>
      <c r="B6739" s="53" t="s">
        <v>4058</v>
      </c>
      <c r="C6739" s="12" t="s">
        <v>4355</v>
      </c>
    </row>
    <row r="6740" spans="1:3" ht="15.75">
      <c r="A6740" s="13">
        <v>6738</v>
      </c>
      <c r="B6740" s="53" t="s">
        <v>4094</v>
      </c>
      <c r="C6740" s="12" t="s">
        <v>4355</v>
      </c>
    </row>
    <row r="6741" spans="1:3" ht="15.75">
      <c r="A6741" s="10">
        <v>6739</v>
      </c>
      <c r="B6741" s="53" t="s">
        <v>4095</v>
      </c>
      <c r="C6741" s="12" t="s">
        <v>4355</v>
      </c>
    </row>
    <row r="6742" spans="1:3" ht="15.75">
      <c r="A6742" s="13">
        <v>6740</v>
      </c>
      <c r="B6742" s="53" t="s">
        <v>4096</v>
      </c>
      <c r="C6742" s="12" t="s">
        <v>4355</v>
      </c>
    </row>
    <row r="6743" spans="1:3" ht="15.75">
      <c r="A6743" s="13">
        <v>6741</v>
      </c>
      <c r="B6743" s="53" t="s">
        <v>4097</v>
      </c>
      <c r="C6743" s="12" t="s">
        <v>4355</v>
      </c>
    </row>
    <row r="6744" spans="1:3" ht="15.75">
      <c r="A6744" s="13">
        <v>6742</v>
      </c>
      <c r="B6744" s="53" t="s">
        <v>4098</v>
      </c>
      <c r="C6744" s="12" t="s">
        <v>4355</v>
      </c>
    </row>
    <row r="6745" spans="1:3" ht="15.75">
      <c r="A6745" s="10">
        <v>6743</v>
      </c>
      <c r="B6745" s="53" t="s">
        <v>4099</v>
      </c>
      <c r="C6745" s="12" t="s">
        <v>4355</v>
      </c>
    </row>
    <row r="6746" spans="1:3" ht="15.75">
      <c r="A6746" s="13">
        <v>6744</v>
      </c>
      <c r="B6746" s="53" t="s">
        <v>4055</v>
      </c>
      <c r="C6746" s="12" t="s">
        <v>4355</v>
      </c>
    </row>
    <row r="6747" spans="1:3" ht="15.75">
      <c r="A6747" s="13">
        <v>6745</v>
      </c>
      <c r="B6747" s="53" t="s">
        <v>4100</v>
      </c>
      <c r="C6747" s="12" t="s">
        <v>4355</v>
      </c>
    </row>
    <row r="6748" spans="1:3" ht="15.75">
      <c r="A6748" s="13">
        <v>6746</v>
      </c>
      <c r="B6748" s="53" t="s">
        <v>4057</v>
      </c>
      <c r="C6748" s="12" t="s">
        <v>4355</v>
      </c>
    </row>
    <row r="6749" spans="1:3" ht="15.75">
      <c r="A6749" s="10">
        <v>6747</v>
      </c>
      <c r="B6749" s="53" t="s">
        <v>4060</v>
      </c>
      <c r="C6749" s="12" t="s">
        <v>4355</v>
      </c>
    </row>
    <row r="6750" spans="1:3" ht="15.75">
      <c r="A6750" s="13">
        <v>6748</v>
      </c>
      <c r="B6750" s="53" t="s">
        <v>4052</v>
      </c>
      <c r="C6750" s="12" t="s">
        <v>4355</v>
      </c>
    </row>
    <row r="6751" spans="1:3" ht="15.75">
      <c r="A6751" s="13">
        <v>6749</v>
      </c>
      <c r="B6751" s="53" t="s">
        <v>4100</v>
      </c>
      <c r="C6751" s="12" t="s">
        <v>4355</v>
      </c>
    </row>
    <row r="6752" spans="1:3" ht="15.75">
      <c r="A6752" s="13">
        <v>6750</v>
      </c>
      <c r="B6752" s="53" t="s">
        <v>4101</v>
      </c>
      <c r="C6752" s="12" t="s">
        <v>4355</v>
      </c>
    </row>
    <row r="6753" spans="1:3" ht="15.75">
      <c r="A6753" s="10">
        <v>6751</v>
      </c>
      <c r="B6753" s="53" t="s">
        <v>4058</v>
      </c>
      <c r="C6753" s="12" t="s">
        <v>4355</v>
      </c>
    </row>
    <row r="6754" spans="1:3" ht="15.75">
      <c r="A6754" s="13">
        <v>6752</v>
      </c>
      <c r="B6754" s="53" t="s">
        <v>4056</v>
      </c>
      <c r="C6754" s="12" t="s">
        <v>4355</v>
      </c>
    </row>
    <row r="6755" spans="1:3" ht="15.75">
      <c r="A6755" s="13">
        <v>6753</v>
      </c>
      <c r="B6755" s="53" t="s">
        <v>4102</v>
      </c>
      <c r="C6755" s="12" t="s">
        <v>4355</v>
      </c>
    </row>
    <row r="6756" spans="1:3" ht="15.75">
      <c r="A6756" s="13">
        <v>6754</v>
      </c>
      <c r="B6756" s="53" t="s">
        <v>4103</v>
      </c>
      <c r="C6756" s="12" t="s">
        <v>4355</v>
      </c>
    </row>
    <row r="6757" spans="1:3" ht="15.75">
      <c r="A6757" s="10">
        <v>6755</v>
      </c>
      <c r="B6757" s="53" t="s">
        <v>1345</v>
      </c>
      <c r="C6757" s="12" t="s">
        <v>4355</v>
      </c>
    </row>
    <row r="6758" spans="1:3" ht="15.75">
      <c r="A6758" s="13">
        <v>6756</v>
      </c>
      <c r="B6758" s="53" t="s">
        <v>4104</v>
      </c>
      <c r="C6758" s="12" t="s">
        <v>4355</v>
      </c>
    </row>
    <row r="6759" spans="1:3" ht="15.75">
      <c r="A6759" s="13">
        <v>6757</v>
      </c>
      <c r="B6759" s="53" t="s">
        <v>1337</v>
      </c>
      <c r="C6759" s="12" t="s">
        <v>4355</v>
      </c>
    </row>
    <row r="6760" spans="1:3" ht="15.75">
      <c r="A6760" s="13">
        <v>6758</v>
      </c>
      <c r="B6760" s="53" t="s">
        <v>4105</v>
      </c>
      <c r="C6760" s="12" t="s">
        <v>4355</v>
      </c>
    </row>
    <row r="6761" spans="1:3" ht="15.75">
      <c r="A6761" s="10">
        <v>6759</v>
      </c>
      <c r="B6761" s="53" t="s">
        <v>4106</v>
      </c>
      <c r="C6761" s="12" t="s">
        <v>4355</v>
      </c>
    </row>
    <row r="6762" spans="1:3" ht="15.75">
      <c r="A6762" s="13">
        <v>6760</v>
      </c>
      <c r="B6762" s="53" t="s">
        <v>1357</v>
      </c>
      <c r="C6762" s="12" t="s">
        <v>4355</v>
      </c>
    </row>
    <row r="6763" spans="1:3" ht="15.75">
      <c r="A6763" s="13">
        <v>6761</v>
      </c>
      <c r="B6763" s="53" t="s">
        <v>4107</v>
      </c>
      <c r="C6763" s="12" t="s">
        <v>4355</v>
      </c>
    </row>
    <row r="6764" spans="1:3" ht="15.75">
      <c r="A6764" s="13">
        <v>6762</v>
      </c>
      <c r="B6764" s="53" t="s">
        <v>4108</v>
      </c>
      <c r="C6764" s="12" t="s">
        <v>4355</v>
      </c>
    </row>
    <row r="6765" spans="1:3" ht="15.75">
      <c r="A6765" s="10">
        <v>6763</v>
      </c>
      <c r="B6765" s="53" t="s">
        <v>4109</v>
      </c>
      <c r="C6765" s="12" t="s">
        <v>4355</v>
      </c>
    </row>
    <row r="6766" spans="1:3" ht="15.75">
      <c r="A6766" s="13">
        <v>6764</v>
      </c>
      <c r="B6766" s="53" t="s">
        <v>4327</v>
      </c>
      <c r="C6766" s="12" t="s">
        <v>4355</v>
      </c>
    </row>
    <row r="6767" spans="1:3" ht="15.75">
      <c r="A6767" s="13">
        <v>6765</v>
      </c>
      <c r="B6767" s="53" t="s">
        <v>4327</v>
      </c>
      <c r="C6767" s="12" t="s">
        <v>4355</v>
      </c>
    </row>
    <row r="6768" spans="1:3" ht="15.75">
      <c r="A6768" s="13">
        <v>6766</v>
      </c>
      <c r="B6768" s="53" t="s">
        <v>4327</v>
      </c>
      <c r="C6768" s="12" t="s">
        <v>4355</v>
      </c>
    </row>
    <row r="6769" spans="1:3" ht="15.75">
      <c r="A6769" s="10">
        <v>6767</v>
      </c>
      <c r="B6769" s="53" t="s">
        <v>4328</v>
      </c>
      <c r="C6769" s="12" t="s">
        <v>4355</v>
      </c>
    </row>
    <row r="6770" spans="1:3" ht="15.75">
      <c r="A6770" s="13">
        <v>6768</v>
      </c>
      <c r="B6770" s="53" t="s">
        <v>4328</v>
      </c>
      <c r="C6770" s="12" t="s">
        <v>4355</v>
      </c>
    </row>
    <row r="6771" spans="1:3" ht="15.75">
      <c r="A6771" s="13">
        <v>6769</v>
      </c>
      <c r="B6771" s="53" t="s">
        <v>1357</v>
      </c>
      <c r="C6771" s="12" t="s">
        <v>4355</v>
      </c>
    </row>
    <row r="6772" spans="1:3" ht="15.75">
      <c r="A6772" s="13">
        <v>6770</v>
      </c>
      <c r="B6772" s="53" t="s">
        <v>1345</v>
      </c>
      <c r="C6772" s="12" t="s">
        <v>4355</v>
      </c>
    </row>
    <row r="6773" spans="1:3" ht="15.75">
      <c r="A6773" s="10">
        <v>6771</v>
      </c>
      <c r="B6773" s="53" t="s">
        <v>4329</v>
      </c>
      <c r="C6773" s="12" t="s">
        <v>4355</v>
      </c>
    </row>
    <row r="6774" spans="1:3" ht="15.75">
      <c r="A6774" s="13">
        <v>6772</v>
      </c>
      <c r="B6774" s="53" t="s">
        <v>4330</v>
      </c>
      <c r="C6774" s="12" t="s">
        <v>4355</v>
      </c>
    </row>
    <row r="6775" spans="1:3" ht="15.75">
      <c r="A6775" s="13">
        <v>6773</v>
      </c>
      <c r="B6775" s="53" t="s">
        <v>4331</v>
      </c>
      <c r="C6775" s="12" t="s">
        <v>4355</v>
      </c>
    </row>
    <row r="6776" spans="1:3" ht="15.75">
      <c r="A6776" s="13">
        <v>6774</v>
      </c>
      <c r="B6776" s="59" t="s">
        <v>4102</v>
      </c>
      <c r="C6776" s="12" t="s">
        <v>4355</v>
      </c>
    </row>
    <row r="6777" spans="1:3" ht="31.5">
      <c r="A6777" s="10">
        <v>6775</v>
      </c>
      <c r="B6777" s="10" t="s">
        <v>4332</v>
      </c>
      <c r="C6777" s="12" t="s">
        <v>4355</v>
      </c>
    </row>
    <row r="6778" spans="1:3" ht="31.5">
      <c r="A6778" s="13">
        <v>6776</v>
      </c>
      <c r="B6778" s="10" t="s">
        <v>4333</v>
      </c>
      <c r="C6778" s="12" t="s">
        <v>4355</v>
      </c>
    </row>
    <row r="6779" spans="1:3" ht="15.75">
      <c r="A6779" s="13">
        <v>6777</v>
      </c>
      <c r="B6779" s="59" t="s">
        <v>4334</v>
      </c>
      <c r="C6779" s="12" t="s">
        <v>4355</v>
      </c>
    </row>
    <row r="6780" spans="1:3" ht="15.75">
      <c r="A6780" s="13">
        <v>6778</v>
      </c>
      <c r="B6780" s="53" t="s">
        <v>4335</v>
      </c>
      <c r="C6780" s="12" t="s">
        <v>4355</v>
      </c>
    </row>
    <row r="6781" spans="1:3" ht="15.75">
      <c r="A6781" s="10">
        <v>6779</v>
      </c>
      <c r="B6781" s="59" t="s">
        <v>4336</v>
      </c>
      <c r="C6781" s="12" t="s">
        <v>4355</v>
      </c>
    </row>
    <row r="6782" spans="1:3" ht="15.75">
      <c r="A6782" s="13">
        <v>6780</v>
      </c>
      <c r="B6782" s="53" t="s">
        <v>4337</v>
      </c>
      <c r="C6782" s="12" t="s">
        <v>4355</v>
      </c>
    </row>
    <row r="6783" spans="1:3" ht="15.75">
      <c r="A6783" s="13">
        <v>6781</v>
      </c>
      <c r="B6783" s="53" t="s">
        <v>4338</v>
      </c>
      <c r="C6783" s="12" t="s">
        <v>4355</v>
      </c>
    </row>
    <row r="6784" spans="1:3" ht="15.75">
      <c r="A6784" s="13">
        <v>6782</v>
      </c>
      <c r="B6784" s="53" t="s">
        <v>4109</v>
      </c>
      <c r="C6784" s="12" t="s">
        <v>4355</v>
      </c>
    </row>
    <row r="6785" spans="1:3" ht="15.75">
      <c r="A6785" s="10">
        <v>6783</v>
      </c>
      <c r="B6785" s="53" t="s">
        <v>4109</v>
      </c>
      <c r="C6785" s="12" t="s">
        <v>4355</v>
      </c>
    </row>
    <row r="6786" spans="1:3" ht="15.75">
      <c r="A6786" s="13">
        <v>6784</v>
      </c>
      <c r="B6786" s="53" t="s">
        <v>4339</v>
      </c>
      <c r="C6786" s="12" t="s">
        <v>4355</v>
      </c>
    </row>
    <row r="6787" spans="1:3" ht="15.75">
      <c r="A6787" s="13">
        <v>6785</v>
      </c>
      <c r="B6787" s="53" t="s">
        <v>4334</v>
      </c>
      <c r="C6787" s="12" t="s">
        <v>4355</v>
      </c>
    </row>
    <row r="6788" spans="1:3" ht="15.75">
      <c r="A6788" s="13">
        <v>6786</v>
      </c>
      <c r="B6788" s="53" t="s">
        <v>4358</v>
      </c>
      <c r="C6788" s="12" t="s">
        <v>4355</v>
      </c>
    </row>
    <row r="6789" spans="1:3" ht="15.75">
      <c r="A6789" s="10">
        <v>6787</v>
      </c>
      <c r="B6789" s="53" t="s">
        <v>4359</v>
      </c>
      <c r="C6789" s="12" t="s">
        <v>4355</v>
      </c>
    </row>
    <row r="6790" spans="1:3" ht="15.75">
      <c r="A6790" s="13">
        <v>6788</v>
      </c>
      <c r="B6790" s="53" t="s">
        <v>4360</v>
      </c>
      <c r="C6790" s="12" t="s">
        <v>4355</v>
      </c>
    </row>
    <row r="6791" spans="1:3" ht="15.75">
      <c r="A6791" s="13">
        <v>6789</v>
      </c>
      <c r="B6791" s="53" t="s">
        <v>4361</v>
      </c>
      <c r="C6791" s="12" t="s">
        <v>4355</v>
      </c>
    </row>
    <row r="6792" spans="1:3" ht="24">
      <c r="A6792" s="13">
        <v>6790</v>
      </c>
      <c r="B6792" s="53" t="s">
        <v>657</v>
      </c>
      <c r="C6792" s="12" t="s">
        <v>4354</v>
      </c>
    </row>
    <row r="6793" spans="1:3" ht="24">
      <c r="A6793" s="10">
        <v>6791</v>
      </c>
      <c r="B6793" s="53" t="s">
        <v>657</v>
      </c>
      <c r="C6793" s="12" t="s">
        <v>4354</v>
      </c>
    </row>
    <row r="6794" spans="1:3" ht="24">
      <c r="A6794" s="13">
        <v>6792</v>
      </c>
      <c r="B6794" s="53" t="s">
        <v>3848</v>
      </c>
      <c r="C6794" s="12" t="s">
        <v>4354</v>
      </c>
    </row>
    <row r="6795" spans="1:3" ht="24">
      <c r="A6795" s="13">
        <v>6793</v>
      </c>
      <c r="B6795" s="53" t="s">
        <v>3849</v>
      </c>
      <c r="C6795" s="12" t="s">
        <v>4354</v>
      </c>
    </row>
    <row r="6796" spans="1:3" ht="24">
      <c r="A6796" s="13">
        <v>6794</v>
      </c>
      <c r="B6796" s="53" t="s">
        <v>3850</v>
      </c>
      <c r="C6796" s="12" t="s">
        <v>4354</v>
      </c>
    </row>
    <row r="6797" spans="1:3" ht="24">
      <c r="A6797" s="10">
        <v>6795</v>
      </c>
      <c r="B6797" s="53" t="s">
        <v>3851</v>
      </c>
      <c r="C6797" s="12" t="s">
        <v>4354</v>
      </c>
    </row>
    <row r="6798" spans="1:3" ht="24">
      <c r="A6798" s="13">
        <v>6796</v>
      </c>
      <c r="B6798" s="53" t="s">
        <v>3852</v>
      </c>
      <c r="C6798" s="12" t="s">
        <v>4354</v>
      </c>
    </row>
    <row r="6799" spans="1:3" ht="24">
      <c r="A6799" s="13">
        <v>6797</v>
      </c>
      <c r="B6799" s="53" t="s">
        <v>3853</v>
      </c>
      <c r="C6799" s="12" t="s">
        <v>4354</v>
      </c>
    </row>
    <row r="6800" spans="1:3" ht="24">
      <c r="A6800" s="13">
        <v>6798</v>
      </c>
      <c r="B6800" s="53" t="s">
        <v>3854</v>
      </c>
      <c r="C6800" s="12" t="s">
        <v>4354</v>
      </c>
    </row>
    <row r="6801" spans="1:3" ht="24">
      <c r="A6801" s="10">
        <v>6799</v>
      </c>
      <c r="B6801" s="53" t="s">
        <v>660</v>
      </c>
      <c r="C6801" s="12" t="s">
        <v>4354</v>
      </c>
    </row>
    <row r="6802" spans="1:3" ht="24">
      <c r="A6802" s="13">
        <v>6800</v>
      </c>
      <c r="B6802" s="53" t="s">
        <v>3855</v>
      </c>
      <c r="C6802" s="12" t="s">
        <v>4354</v>
      </c>
    </row>
    <row r="6803" spans="1:3" ht="24">
      <c r="A6803" s="13">
        <v>6801</v>
      </c>
      <c r="B6803" s="53" t="s">
        <v>3856</v>
      </c>
      <c r="C6803" s="12" t="s">
        <v>4354</v>
      </c>
    </row>
    <row r="6804" spans="1:3" ht="31.5">
      <c r="A6804" s="13">
        <v>6802</v>
      </c>
      <c r="B6804" s="53" t="s">
        <v>3857</v>
      </c>
      <c r="C6804" s="12" t="s">
        <v>4354</v>
      </c>
    </row>
    <row r="6805" spans="1:3" ht="24">
      <c r="A6805" s="10">
        <v>6803</v>
      </c>
      <c r="B6805" s="53" t="s">
        <v>1377</v>
      </c>
      <c r="C6805" s="12" t="s">
        <v>4354</v>
      </c>
    </row>
    <row r="6806" spans="1:3" ht="24">
      <c r="A6806" s="13">
        <v>6804</v>
      </c>
      <c r="B6806" s="53" t="s">
        <v>1377</v>
      </c>
      <c r="C6806" s="12" t="s">
        <v>4354</v>
      </c>
    </row>
    <row r="6807" spans="1:3" ht="24">
      <c r="A6807" s="13">
        <v>6805</v>
      </c>
      <c r="B6807" s="53" t="s">
        <v>3858</v>
      </c>
      <c r="C6807" s="12" t="s">
        <v>4354</v>
      </c>
    </row>
    <row r="6808" spans="1:3" ht="24">
      <c r="A6808" s="13">
        <v>6806</v>
      </c>
      <c r="B6808" s="53" t="s">
        <v>3859</v>
      </c>
      <c r="C6808" s="12" t="s">
        <v>4354</v>
      </c>
    </row>
    <row r="6809" spans="1:3" ht="24">
      <c r="A6809" s="10">
        <v>6807</v>
      </c>
      <c r="B6809" s="59" t="s">
        <v>3860</v>
      </c>
      <c r="C6809" s="12" t="s">
        <v>4354</v>
      </c>
    </row>
    <row r="6810" spans="1:3" ht="24">
      <c r="A6810" s="13">
        <v>6808</v>
      </c>
      <c r="B6810" s="56" t="s">
        <v>3861</v>
      </c>
      <c r="C6810" s="12" t="s">
        <v>4354</v>
      </c>
    </row>
    <row r="6811" spans="1:3" ht="24">
      <c r="A6811" s="13">
        <v>6809</v>
      </c>
      <c r="B6811" s="53" t="s">
        <v>3862</v>
      </c>
      <c r="C6811" s="12" t="s">
        <v>4354</v>
      </c>
    </row>
    <row r="6812" spans="1:3" ht="24">
      <c r="A6812" s="13">
        <v>6810</v>
      </c>
      <c r="B6812" s="53" t="s">
        <v>3863</v>
      </c>
      <c r="C6812" s="12" t="s">
        <v>4354</v>
      </c>
    </row>
    <row r="6813" spans="1:3" ht="24">
      <c r="A6813" s="10">
        <v>6811</v>
      </c>
      <c r="B6813" s="53" t="s">
        <v>3864</v>
      </c>
      <c r="C6813" s="12" t="s">
        <v>4354</v>
      </c>
    </row>
    <row r="6814" spans="1:3" ht="24">
      <c r="A6814" s="13">
        <v>6812</v>
      </c>
      <c r="B6814" s="53" t="s">
        <v>3865</v>
      </c>
      <c r="C6814" s="12" t="s">
        <v>4354</v>
      </c>
    </row>
    <row r="6815" spans="1:3" ht="24">
      <c r="A6815" s="13">
        <v>6813</v>
      </c>
      <c r="B6815" s="53" t="s">
        <v>3866</v>
      </c>
      <c r="C6815" s="12" t="s">
        <v>4354</v>
      </c>
    </row>
    <row r="6816" spans="1:3" ht="24">
      <c r="A6816" s="13">
        <v>6814</v>
      </c>
      <c r="B6816" s="53" t="s">
        <v>3867</v>
      </c>
      <c r="C6816" s="12" t="s">
        <v>4354</v>
      </c>
    </row>
    <row r="6817" spans="1:3" ht="24">
      <c r="A6817" s="10">
        <v>6815</v>
      </c>
      <c r="B6817" s="53" t="s">
        <v>3868</v>
      </c>
      <c r="C6817" s="12" t="s">
        <v>4354</v>
      </c>
    </row>
    <row r="6818" spans="1:3" ht="24">
      <c r="A6818" s="13">
        <v>6816</v>
      </c>
      <c r="B6818" s="53" t="s">
        <v>3869</v>
      </c>
      <c r="C6818" s="12" t="s">
        <v>4354</v>
      </c>
    </row>
    <row r="6819" spans="1:3" ht="24">
      <c r="A6819" s="13">
        <v>6817</v>
      </c>
      <c r="B6819" s="53" t="s">
        <v>3870</v>
      </c>
      <c r="C6819" s="12" t="s">
        <v>4354</v>
      </c>
    </row>
    <row r="6820" spans="1:3" ht="24">
      <c r="A6820" s="13">
        <v>6818</v>
      </c>
      <c r="B6820" s="53" t="s">
        <v>3871</v>
      </c>
      <c r="C6820" s="12" t="s">
        <v>4354</v>
      </c>
    </row>
    <row r="6821" spans="1:3" ht="24">
      <c r="A6821" s="10">
        <v>6819</v>
      </c>
      <c r="B6821" s="54" t="s">
        <v>658</v>
      </c>
      <c r="C6821" s="12" t="s">
        <v>4354</v>
      </c>
    </row>
    <row r="6822" spans="1:3" ht="24">
      <c r="A6822" s="13">
        <v>6820</v>
      </c>
      <c r="B6822" s="54" t="s">
        <v>3873</v>
      </c>
      <c r="C6822" s="12" t="s">
        <v>4354</v>
      </c>
    </row>
    <row r="6823" spans="1:3" ht="24">
      <c r="A6823" s="13">
        <v>6821</v>
      </c>
      <c r="B6823" s="54" t="s">
        <v>3874</v>
      </c>
      <c r="C6823" s="12" t="s">
        <v>4354</v>
      </c>
    </row>
    <row r="6824" spans="1:3" ht="31.5">
      <c r="A6824" s="13">
        <v>6822</v>
      </c>
      <c r="B6824" s="54" t="s">
        <v>3875</v>
      </c>
      <c r="C6824" s="12" t="s">
        <v>4354</v>
      </c>
    </row>
    <row r="6825" spans="1:3" ht="31.5">
      <c r="A6825" s="10">
        <v>6823</v>
      </c>
      <c r="B6825" s="54" t="s">
        <v>3876</v>
      </c>
      <c r="C6825" s="12" t="s">
        <v>4354</v>
      </c>
    </row>
    <row r="6826" spans="1:3" ht="24">
      <c r="A6826" s="13">
        <v>6824</v>
      </c>
      <c r="B6826" s="54" t="s">
        <v>3877</v>
      </c>
      <c r="C6826" s="12" t="s">
        <v>4354</v>
      </c>
    </row>
    <row r="6827" spans="1:3" ht="24">
      <c r="A6827" s="13">
        <v>6825</v>
      </c>
      <c r="B6827" s="54" t="s">
        <v>3877</v>
      </c>
      <c r="C6827" s="12" t="s">
        <v>4354</v>
      </c>
    </row>
    <row r="6828" spans="1:3" ht="24">
      <c r="A6828" s="13">
        <v>6826</v>
      </c>
      <c r="B6828" s="54" t="s">
        <v>3878</v>
      </c>
      <c r="C6828" s="12" t="s">
        <v>4354</v>
      </c>
    </row>
    <row r="6829" spans="1:3" ht="31.5">
      <c r="A6829" s="10">
        <v>6827</v>
      </c>
      <c r="B6829" s="54" t="s">
        <v>3875</v>
      </c>
      <c r="C6829" s="12" t="s">
        <v>4354</v>
      </c>
    </row>
    <row r="6830" spans="1:3" ht="31.5">
      <c r="A6830" s="13">
        <v>6828</v>
      </c>
      <c r="B6830" s="54" t="s">
        <v>3875</v>
      </c>
      <c r="C6830" s="12" t="s">
        <v>4354</v>
      </c>
    </row>
    <row r="6831" spans="1:3" ht="31.5">
      <c r="A6831" s="13">
        <v>6829</v>
      </c>
      <c r="B6831" s="54" t="s">
        <v>3875</v>
      </c>
      <c r="C6831" s="12" t="s">
        <v>4354</v>
      </c>
    </row>
    <row r="6832" spans="1:3" ht="31.5">
      <c r="A6832" s="13">
        <v>6830</v>
      </c>
      <c r="B6832" s="54" t="s">
        <v>3875</v>
      </c>
      <c r="C6832" s="12" t="s">
        <v>4354</v>
      </c>
    </row>
    <row r="6833" spans="1:3" ht="31.5">
      <c r="A6833" s="10">
        <v>6831</v>
      </c>
      <c r="B6833" s="54" t="s">
        <v>3875</v>
      </c>
      <c r="C6833" s="12" t="s">
        <v>4354</v>
      </c>
    </row>
    <row r="6834" spans="1:3" ht="24">
      <c r="A6834" s="13">
        <v>6832</v>
      </c>
      <c r="B6834" s="54" t="s">
        <v>3879</v>
      </c>
      <c r="C6834" s="12" t="s">
        <v>4354</v>
      </c>
    </row>
    <row r="6835" spans="1:3" ht="24">
      <c r="A6835" s="13">
        <v>6833</v>
      </c>
      <c r="B6835" s="54" t="s">
        <v>3879</v>
      </c>
      <c r="C6835" s="12" t="s">
        <v>4354</v>
      </c>
    </row>
    <row r="6836" spans="1:3" ht="24">
      <c r="A6836" s="13">
        <v>6834</v>
      </c>
      <c r="B6836" s="54" t="s">
        <v>3879</v>
      </c>
      <c r="C6836" s="12" t="s">
        <v>4354</v>
      </c>
    </row>
    <row r="6837" spans="1:3" ht="24">
      <c r="A6837" s="10">
        <v>6835</v>
      </c>
      <c r="B6837" s="54" t="s">
        <v>3879</v>
      </c>
      <c r="C6837" s="12" t="s">
        <v>4354</v>
      </c>
    </row>
    <row r="6838" spans="1:3" ht="24">
      <c r="A6838" s="13">
        <v>6836</v>
      </c>
      <c r="B6838" s="54" t="s">
        <v>3879</v>
      </c>
      <c r="C6838" s="12" t="s">
        <v>4354</v>
      </c>
    </row>
    <row r="6839" spans="1:3" ht="24">
      <c r="A6839" s="13">
        <v>6837</v>
      </c>
      <c r="B6839" s="54" t="s">
        <v>3879</v>
      </c>
      <c r="C6839" s="12" t="s">
        <v>4354</v>
      </c>
    </row>
    <row r="6840" spans="1:3" ht="24">
      <c r="A6840" s="13">
        <v>6838</v>
      </c>
      <c r="B6840" s="54" t="s">
        <v>3879</v>
      </c>
      <c r="C6840" s="12" t="s">
        <v>4354</v>
      </c>
    </row>
    <row r="6841" spans="1:3" ht="24">
      <c r="A6841" s="10">
        <v>6839</v>
      </c>
      <c r="B6841" s="54" t="s">
        <v>3879</v>
      </c>
      <c r="C6841" s="12" t="s">
        <v>4354</v>
      </c>
    </row>
    <row r="6842" spans="1:3" ht="24">
      <c r="A6842" s="13">
        <v>6840</v>
      </c>
      <c r="B6842" s="54" t="s">
        <v>3880</v>
      </c>
      <c r="C6842" s="12" t="s">
        <v>4354</v>
      </c>
    </row>
    <row r="6843" spans="1:3" ht="24">
      <c r="A6843" s="13">
        <v>6841</v>
      </c>
      <c r="B6843" s="54" t="s">
        <v>3880</v>
      </c>
      <c r="C6843" s="12" t="s">
        <v>4354</v>
      </c>
    </row>
    <row r="6844" spans="1:3" ht="24">
      <c r="A6844" s="13">
        <v>6842</v>
      </c>
      <c r="B6844" s="54" t="s">
        <v>3252</v>
      </c>
      <c r="C6844" s="12" t="s">
        <v>4354</v>
      </c>
    </row>
    <row r="6845" spans="1:3" ht="24">
      <c r="A6845" s="10">
        <v>6843</v>
      </c>
      <c r="B6845" s="54" t="s">
        <v>3252</v>
      </c>
      <c r="C6845" s="12" t="s">
        <v>4354</v>
      </c>
    </row>
    <row r="6846" spans="1:3" ht="24">
      <c r="A6846" s="13">
        <v>6844</v>
      </c>
      <c r="B6846" s="54" t="s">
        <v>3881</v>
      </c>
      <c r="C6846" s="12" t="s">
        <v>4354</v>
      </c>
    </row>
    <row r="6847" spans="1:3" ht="24">
      <c r="A6847" s="13">
        <v>6845</v>
      </c>
      <c r="B6847" s="54" t="s">
        <v>3882</v>
      </c>
      <c r="C6847" s="12" t="s">
        <v>4354</v>
      </c>
    </row>
    <row r="6848" spans="1:3" ht="24">
      <c r="A6848" s="13">
        <v>6846</v>
      </c>
      <c r="B6848" s="54" t="s">
        <v>3883</v>
      </c>
      <c r="C6848" s="12" t="s">
        <v>4354</v>
      </c>
    </row>
    <row r="6849" spans="1:3" ht="24">
      <c r="A6849" s="10">
        <v>6847</v>
      </c>
      <c r="B6849" s="54" t="s">
        <v>3883</v>
      </c>
      <c r="C6849" s="12" t="s">
        <v>4354</v>
      </c>
    </row>
    <row r="6850" spans="1:3" ht="24">
      <c r="A6850" s="13">
        <v>6848</v>
      </c>
      <c r="B6850" s="54" t="s">
        <v>3884</v>
      </c>
      <c r="C6850" s="12" t="s">
        <v>4354</v>
      </c>
    </row>
    <row r="6851" spans="1:3" ht="24">
      <c r="A6851" s="13">
        <v>6849</v>
      </c>
      <c r="B6851" s="54" t="s">
        <v>3885</v>
      </c>
      <c r="C6851" s="12" t="s">
        <v>4354</v>
      </c>
    </row>
    <row r="6852" spans="1:3" ht="24">
      <c r="A6852" s="13">
        <v>6850</v>
      </c>
      <c r="B6852" s="54" t="s">
        <v>3886</v>
      </c>
      <c r="C6852" s="12" t="s">
        <v>4354</v>
      </c>
    </row>
    <row r="6853" spans="1:3" ht="24">
      <c r="A6853" s="10">
        <v>6851</v>
      </c>
      <c r="B6853" s="54" t="s">
        <v>3887</v>
      </c>
      <c r="C6853" s="12" t="s">
        <v>4354</v>
      </c>
    </row>
    <row r="6854" spans="1:3" ht="24">
      <c r="A6854" s="13">
        <v>6852</v>
      </c>
      <c r="B6854" s="54" t="s">
        <v>3887</v>
      </c>
      <c r="C6854" s="12" t="s">
        <v>4354</v>
      </c>
    </row>
    <row r="6855" spans="1:3" ht="24">
      <c r="A6855" s="13">
        <v>6853</v>
      </c>
      <c r="B6855" s="54" t="s">
        <v>3888</v>
      </c>
      <c r="C6855" s="12" t="s">
        <v>4354</v>
      </c>
    </row>
    <row r="6856" spans="1:3" ht="24">
      <c r="A6856" s="13">
        <v>6854</v>
      </c>
      <c r="B6856" s="54" t="s">
        <v>3889</v>
      </c>
      <c r="C6856" s="12" t="s">
        <v>4354</v>
      </c>
    </row>
    <row r="6857" spans="1:3" ht="31.5">
      <c r="A6857" s="10">
        <v>6855</v>
      </c>
      <c r="B6857" s="54" t="s">
        <v>3890</v>
      </c>
      <c r="C6857" s="12" t="s">
        <v>4354</v>
      </c>
    </row>
    <row r="6858" spans="1:3" ht="31.5">
      <c r="A6858" s="13">
        <v>6856</v>
      </c>
      <c r="B6858" s="54" t="s">
        <v>3890</v>
      </c>
      <c r="C6858" s="12" t="s">
        <v>4354</v>
      </c>
    </row>
    <row r="6859" spans="1:3" ht="24">
      <c r="A6859" s="13">
        <v>6857</v>
      </c>
      <c r="B6859" s="54" t="s">
        <v>3891</v>
      </c>
      <c r="C6859" s="12" t="s">
        <v>4354</v>
      </c>
    </row>
    <row r="6860" spans="1:3" ht="24">
      <c r="A6860" s="13">
        <v>6858</v>
      </c>
      <c r="B6860" s="54" t="s">
        <v>3892</v>
      </c>
      <c r="C6860" s="12" t="s">
        <v>4354</v>
      </c>
    </row>
    <row r="6861" spans="1:3" ht="24">
      <c r="A6861" s="10">
        <v>6859</v>
      </c>
      <c r="B6861" s="54" t="s">
        <v>424</v>
      </c>
      <c r="C6861" s="12" t="s">
        <v>4354</v>
      </c>
    </row>
    <row r="6862" spans="1:3" ht="31.5">
      <c r="A6862" s="13">
        <v>6860</v>
      </c>
      <c r="B6862" s="53" t="s">
        <v>3893</v>
      </c>
      <c r="C6862" s="12" t="s">
        <v>4354</v>
      </c>
    </row>
    <row r="6863" spans="1:3" ht="31.5">
      <c r="A6863" s="13">
        <v>6861</v>
      </c>
      <c r="B6863" s="53" t="s">
        <v>3893</v>
      </c>
      <c r="C6863" s="12" t="s">
        <v>4354</v>
      </c>
    </row>
    <row r="6864" spans="1:3" ht="31.5">
      <c r="A6864" s="13">
        <v>6862</v>
      </c>
      <c r="B6864" s="53" t="s">
        <v>3893</v>
      </c>
      <c r="C6864" s="12" t="s">
        <v>4354</v>
      </c>
    </row>
    <row r="6865" spans="1:3" ht="31.5">
      <c r="A6865" s="10">
        <v>6863</v>
      </c>
      <c r="B6865" s="53" t="s">
        <v>3893</v>
      </c>
      <c r="C6865" s="12" t="s">
        <v>4354</v>
      </c>
    </row>
    <row r="6866" spans="1:3" ht="31.5">
      <c r="A6866" s="13">
        <v>6864</v>
      </c>
      <c r="B6866" s="53" t="s">
        <v>3893</v>
      </c>
      <c r="C6866" s="12" t="s">
        <v>4354</v>
      </c>
    </row>
    <row r="6867" spans="1:3" ht="31.5">
      <c r="A6867" s="13">
        <v>6865</v>
      </c>
      <c r="B6867" s="53" t="s">
        <v>3893</v>
      </c>
      <c r="C6867" s="12" t="s">
        <v>4354</v>
      </c>
    </row>
    <row r="6868" spans="1:3" ht="31.5">
      <c r="A6868" s="13">
        <v>6866</v>
      </c>
      <c r="B6868" s="53" t="s">
        <v>3893</v>
      </c>
      <c r="C6868" s="12" t="s">
        <v>4354</v>
      </c>
    </row>
    <row r="6869" spans="1:3" ht="31.5">
      <c r="A6869" s="10">
        <v>6867</v>
      </c>
      <c r="B6869" s="53" t="s">
        <v>3893</v>
      </c>
      <c r="C6869" s="12" t="s">
        <v>4354</v>
      </c>
    </row>
    <row r="6870" spans="1:3" ht="31.5">
      <c r="A6870" s="13">
        <v>6868</v>
      </c>
      <c r="B6870" s="53" t="s">
        <v>3893</v>
      </c>
      <c r="C6870" s="12" t="s">
        <v>4354</v>
      </c>
    </row>
    <row r="6871" spans="1:3" ht="31.5">
      <c r="A6871" s="13">
        <v>6869</v>
      </c>
      <c r="B6871" s="53" t="s">
        <v>3893</v>
      </c>
      <c r="C6871" s="12" t="s">
        <v>4354</v>
      </c>
    </row>
    <row r="6872" spans="1:3" ht="31.5">
      <c r="A6872" s="13">
        <v>6870</v>
      </c>
      <c r="B6872" s="53" t="s">
        <v>3893</v>
      </c>
      <c r="C6872" s="12" t="s">
        <v>4354</v>
      </c>
    </row>
    <row r="6873" spans="1:3" ht="31.5">
      <c r="A6873" s="10">
        <v>6871</v>
      </c>
      <c r="B6873" s="53" t="s">
        <v>3893</v>
      </c>
      <c r="C6873" s="12" t="s">
        <v>4354</v>
      </c>
    </row>
    <row r="6874" spans="1:3" ht="24">
      <c r="A6874" s="13">
        <v>6872</v>
      </c>
      <c r="B6874" s="53" t="s">
        <v>3894</v>
      </c>
      <c r="C6874" s="12" t="s">
        <v>4354</v>
      </c>
    </row>
    <row r="6875" spans="1:3" ht="24">
      <c r="A6875" s="13">
        <v>6873</v>
      </c>
      <c r="B6875" s="53" t="s">
        <v>3895</v>
      </c>
      <c r="C6875" s="12" t="s">
        <v>4354</v>
      </c>
    </row>
    <row r="6876" spans="1:3" ht="24">
      <c r="A6876" s="13">
        <v>6874</v>
      </c>
      <c r="B6876" s="53" t="s">
        <v>3896</v>
      </c>
      <c r="C6876" s="12" t="s">
        <v>4354</v>
      </c>
    </row>
    <row r="6877" spans="1:3" ht="24">
      <c r="A6877" s="10">
        <v>6875</v>
      </c>
      <c r="B6877" s="53" t="s">
        <v>3897</v>
      </c>
      <c r="C6877" s="12" t="s">
        <v>4354</v>
      </c>
    </row>
    <row r="6878" spans="1:3" ht="24">
      <c r="A6878" s="13">
        <v>6876</v>
      </c>
      <c r="B6878" s="53" t="s">
        <v>3897</v>
      </c>
      <c r="C6878" s="12" t="s">
        <v>4354</v>
      </c>
    </row>
    <row r="6879" spans="1:3" ht="24">
      <c r="A6879" s="13">
        <v>6877</v>
      </c>
      <c r="B6879" s="53" t="s">
        <v>3897</v>
      </c>
      <c r="C6879" s="12" t="s">
        <v>4354</v>
      </c>
    </row>
    <row r="6880" spans="1:3" ht="24">
      <c r="A6880" s="13">
        <v>6878</v>
      </c>
      <c r="B6880" s="53" t="s">
        <v>3897</v>
      </c>
      <c r="C6880" s="12" t="s">
        <v>4354</v>
      </c>
    </row>
    <row r="6881" spans="1:3" ht="24">
      <c r="A6881" s="10">
        <v>6879</v>
      </c>
      <c r="B6881" s="53" t="s">
        <v>3898</v>
      </c>
      <c r="C6881" s="12" t="s">
        <v>4354</v>
      </c>
    </row>
    <row r="6882" spans="1:3" ht="24">
      <c r="A6882" s="13">
        <v>6880</v>
      </c>
      <c r="B6882" s="53" t="s">
        <v>3901</v>
      </c>
      <c r="C6882" s="12" t="s">
        <v>4354</v>
      </c>
    </row>
    <row r="6883" spans="1:3" ht="24">
      <c r="A6883" s="13">
        <v>6881</v>
      </c>
      <c r="B6883" s="53" t="s">
        <v>3902</v>
      </c>
      <c r="C6883" s="12" t="s">
        <v>4354</v>
      </c>
    </row>
    <row r="6884" spans="1:3" ht="24">
      <c r="A6884" s="13">
        <v>6882</v>
      </c>
      <c r="B6884" s="53" t="s">
        <v>3903</v>
      </c>
      <c r="C6884" s="12" t="s">
        <v>4354</v>
      </c>
    </row>
    <row r="6885" spans="1:3" ht="24">
      <c r="A6885" s="10">
        <v>6883</v>
      </c>
      <c r="B6885" s="53" t="s">
        <v>3904</v>
      </c>
      <c r="C6885" s="12" t="s">
        <v>4354</v>
      </c>
    </row>
    <row r="6886" spans="1:3" ht="24">
      <c r="A6886" s="13">
        <v>6884</v>
      </c>
      <c r="B6886" s="53" t="s">
        <v>3905</v>
      </c>
      <c r="C6886" s="12" t="s">
        <v>4354</v>
      </c>
    </row>
    <row r="6887" spans="1:3" ht="24">
      <c r="A6887" s="13">
        <v>6885</v>
      </c>
      <c r="B6887" s="53" t="s">
        <v>3906</v>
      </c>
      <c r="C6887" s="12" t="s">
        <v>4354</v>
      </c>
    </row>
    <row r="6888" spans="1:3" ht="24">
      <c r="A6888" s="13">
        <v>6886</v>
      </c>
      <c r="B6888" s="53" t="s">
        <v>3907</v>
      </c>
      <c r="C6888" s="12" t="s">
        <v>4354</v>
      </c>
    </row>
    <row r="6889" spans="1:3" ht="24">
      <c r="A6889" s="10">
        <v>6887</v>
      </c>
      <c r="B6889" s="53" t="s">
        <v>3908</v>
      </c>
      <c r="C6889" s="12" t="s">
        <v>4354</v>
      </c>
    </row>
    <row r="6890" spans="1:3" ht="24">
      <c r="A6890" s="13">
        <v>6888</v>
      </c>
      <c r="B6890" s="53" t="s">
        <v>3909</v>
      </c>
      <c r="C6890" s="12" t="s">
        <v>4354</v>
      </c>
    </row>
    <row r="6891" spans="1:3" ht="24">
      <c r="A6891" s="13">
        <v>6889</v>
      </c>
      <c r="B6891" s="53" t="s">
        <v>3910</v>
      </c>
      <c r="C6891" s="12" t="s">
        <v>4354</v>
      </c>
    </row>
    <row r="6892" spans="1:3" ht="24">
      <c r="A6892" s="13">
        <v>6890</v>
      </c>
      <c r="B6892" s="53" t="s">
        <v>3910</v>
      </c>
      <c r="C6892" s="12" t="s">
        <v>4354</v>
      </c>
    </row>
    <row r="6893" spans="1:3" ht="24">
      <c r="A6893" s="10">
        <v>6891</v>
      </c>
      <c r="B6893" s="53" t="s">
        <v>3911</v>
      </c>
      <c r="C6893" s="12" t="s">
        <v>4354</v>
      </c>
    </row>
    <row r="6894" spans="1:3" ht="24">
      <c r="A6894" s="13">
        <v>6892</v>
      </c>
      <c r="B6894" s="53" t="s">
        <v>3912</v>
      </c>
      <c r="C6894" s="12" t="s">
        <v>4354</v>
      </c>
    </row>
    <row r="6895" spans="1:3" ht="24">
      <c r="A6895" s="13">
        <v>6893</v>
      </c>
      <c r="B6895" s="53" t="s">
        <v>3913</v>
      </c>
      <c r="C6895" s="12" t="s">
        <v>4354</v>
      </c>
    </row>
    <row r="6896" spans="1:3" ht="24">
      <c r="A6896" s="13">
        <v>6894</v>
      </c>
      <c r="B6896" s="53" t="s">
        <v>3914</v>
      </c>
      <c r="C6896" s="12" t="s">
        <v>4354</v>
      </c>
    </row>
    <row r="6897" spans="1:3" ht="24">
      <c r="A6897" s="10">
        <v>6895</v>
      </c>
      <c r="B6897" s="53" t="s">
        <v>3914</v>
      </c>
      <c r="C6897" s="12" t="s">
        <v>4354</v>
      </c>
    </row>
    <row r="6898" spans="1:3" ht="31.5">
      <c r="A6898" s="13">
        <v>6896</v>
      </c>
      <c r="B6898" s="53" t="s">
        <v>3915</v>
      </c>
      <c r="C6898" s="12" t="s">
        <v>4354</v>
      </c>
    </row>
    <row r="6899" spans="1:3" ht="31.5">
      <c r="A6899" s="13">
        <v>6897</v>
      </c>
      <c r="B6899" s="53" t="s">
        <v>3916</v>
      </c>
      <c r="C6899" s="12" t="s">
        <v>4354</v>
      </c>
    </row>
    <row r="6900" spans="1:3" ht="31.5">
      <c r="A6900" s="13">
        <v>6898</v>
      </c>
      <c r="B6900" s="53" t="s">
        <v>3916</v>
      </c>
      <c r="C6900" s="12" t="s">
        <v>4354</v>
      </c>
    </row>
    <row r="6901" spans="1:3" ht="31.5">
      <c r="A6901" s="10">
        <v>6899</v>
      </c>
      <c r="B6901" s="53" t="s">
        <v>3916</v>
      </c>
      <c r="C6901" s="12" t="s">
        <v>4354</v>
      </c>
    </row>
    <row r="6902" spans="1:3" ht="31.5">
      <c r="A6902" s="13">
        <v>6900</v>
      </c>
      <c r="B6902" s="53" t="s">
        <v>3916</v>
      </c>
      <c r="C6902" s="12" t="s">
        <v>4354</v>
      </c>
    </row>
    <row r="6903" spans="1:3" ht="31.5">
      <c r="A6903" s="13">
        <v>6901</v>
      </c>
      <c r="B6903" s="53" t="s">
        <v>3916</v>
      </c>
      <c r="C6903" s="12" t="s">
        <v>4354</v>
      </c>
    </row>
    <row r="6904" spans="1:3" ht="31.5">
      <c r="A6904" s="13">
        <v>6902</v>
      </c>
      <c r="B6904" s="53" t="s">
        <v>3916</v>
      </c>
      <c r="C6904" s="12" t="s">
        <v>4354</v>
      </c>
    </row>
    <row r="6905" spans="1:3" ht="31.5">
      <c r="A6905" s="10">
        <v>6903</v>
      </c>
      <c r="B6905" s="53" t="s">
        <v>3916</v>
      </c>
      <c r="C6905" s="12" t="s">
        <v>4354</v>
      </c>
    </row>
    <row r="6906" spans="1:3" ht="31.5">
      <c r="A6906" s="13">
        <v>6904</v>
      </c>
      <c r="B6906" s="53" t="s">
        <v>3916</v>
      </c>
      <c r="C6906" s="12" t="s">
        <v>4354</v>
      </c>
    </row>
    <row r="6907" spans="1:3" ht="31.5">
      <c r="A6907" s="13">
        <v>6905</v>
      </c>
      <c r="B6907" s="53" t="s">
        <v>3917</v>
      </c>
      <c r="C6907" s="12" t="s">
        <v>4354</v>
      </c>
    </row>
    <row r="6908" spans="1:3" ht="31.5">
      <c r="A6908" s="13">
        <v>6906</v>
      </c>
      <c r="B6908" s="53" t="s">
        <v>3917</v>
      </c>
      <c r="C6908" s="12" t="s">
        <v>4354</v>
      </c>
    </row>
    <row r="6909" spans="1:3" ht="31.5">
      <c r="A6909" s="10">
        <v>6907</v>
      </c>
      <c r="B6909" s="53" t="s">
        <v>3917</v>
      </c>
      <c r="C6909" s="12" t="s">
        <v>4354</v>
      </c>
    </row>
    <row r="6910" spans="1:3" ht="31.5">
      <c r="A6910" s="13">
        <v>6908</v>
      </c>
      <c r="B6910" s="53" t="s">
        <v>3917</v>
      </c>
      <c r="C6910" s="12" t="s">
        <v>4354</v>
      </c>
    </row>
    <row r="6911" spans="1:3" ht="31.5">
      <c r="A6911" s="13">
        <v>6909</v>
      </c>
      <c r="B6911" s="53" t="s">
        <v>3917</v>
      </c>
      <c r="C6911" s="12" t="s">
        <v>4354</v>
      </c>
    </row>
    <row r="6912" spans="1:3" ht="31.5">
      <c r="A6912" s="13">
        <v>6910</v>
      </c>
      <c r="B6912" s="53" t="s">
        <v>3917</v>
      </c>
      <c r="C6912" s="12" t="s">
        <v>4354</v>
      </c>
    </row>
    <row r="6913" spans="1:3" ht="31.5">
      <c r="A6913" s="10">
        <v>6911</v>
      </c>
      <c r="B6913" s="53" t="s">
        <v>3918</v>
      </c>
      <c r="C6913" s="12" t="s">
        <v>4354</v>
      </c>
    </row>
    <row r="6914" spans="1:3" ht="24">
      <c r="A6914" s="13">
        <v>6912</v>
      </c>
      <c r="B6914" s="53" t="s">
        <v>3919</v>
      </c>
      <c r="C6914" s="12" t="s">
        <v>4354</v>
      </c>
    </row>
    <row r="6915" spans="1:3" ht="24">
      <c r="A6915" s="13">
        <v>6913</v>
      </c>
      <c r="B6915" s="53" t="s">
        <v>3919</v>
      </c>
      <c r="C6915" s="12" t="s">
        <v>4354</v>
      </c>
    </row>
    <row r="6916" spans="1:3" ht="24">
      <c r="A6916" s="13">
        <v>6914</v>
      </c>
      <c r="B6916" s="53" t="s">
        <v>3904</v>
      </c>
      <c r="C6916" s="12" t="s">
        <v>4354</v>
      </c>
    </row>
    <row r="6917" spans="1:3" ht="31.5">
      <c r="A6917" s="10">
        <v>6915</v>
      </c>
      <c r="B6917" s="53" t="s">
        <v>3920</v>
      </c>
      <c r="C6917" s="12" t="s">
        <v>4354</v>
      </c>
    </row>
    <row r="6918" spans="1:3" ht="24">
      <c r="A6918" s="13">
        <v>6916</v>
      </c>
      <c r="B6918" s="10" t="s">
        <v>3922</v>
      </c>
      <c r="C6918" s="12" t="s">
        <v>4354</v>
      </c>
    </row>
    <row r="6919" spans="1:3" ht="24">
      <c r="A6919" s="13">
        <v>6917</v>
      </c>
      <c r="B6919" s="10" t="s">
        <v>3923</v>
      </c>
      <c r="C6919" s="12" t="s">
        <v>4354</v>
      </c>
    </row>
    <row r="6920" spans="1:3" ht="24">
      <c r="A6920" s="13">
        <v>6918</v>
      </c>
      <c r="B6920" s="10" t="s">
        <v>3924</v>
      </c>
      <c r="C6920" s="12" t="s">
        <v>4354</v>
      </c>
    </row>
    <row r="6921" spans="1:3" ht="24">
      <c r="A6921" s="10">
        <v>6919</v>
      </c>
      <c r="B6921" s="10" t="s">
        <v>3925</v>
      </c>
      <c r="C6921" s="12" t="s">
        <v>4354</v>
      </c>
    </row>
    <row r="6922" spans="1:3" ht="31.5">
      <c r="A6922" s="13">
        <v>6920</v>
      </c>
      <c r="B6922" s="10" t="s">
        <v>3926</v>
      </c>
      <c r="C6922" s="12" t="s">
        <v>4354</v>
      </c>
    </row>
    <row r="6923" spans="1:3" ht="31.5">
      <c r="A6923" s="13">
        <v>6921</v>
      </c>
      <c r="B6923" s="10" t="s">
        <v>3926</v>
      </c>
      <c r="C6923" s="12" t="s">
        <v>4354</v>
      </c>
    </row>
    <row r="6924" spans="1:3" ht="24">
      <c r="A6924" s="13">
        <v>6922</v>
      </c>
      <c r="B6924" s="10" t="s">
        <v>3927</v>
      </c>
      <c r="C6924" s="12" t="s">
        <v>4354</v>
      </c>
    </row>
    <row r="6925" spans="1:3" ht="24">
      <c r="A6925" s="10">
        <v>6923</v>
      </c>
      <c r="B6925" s="10" t="s">
        <v>3928</v>
      </c>
      <c r="C6925" s="12" t="s">
        <v>4354</v>
      </c>
    </row>
    <row r="6926" spans="1:3" ht="31.5">
      <c r="A6926" s="13">
        <v>6924</v>
      </c>
      <c r="B6926" s="10" t="s">
        <v>3929</v>
      </c>
      <c r="C6926" s="12" t="s">
        <v>4354</v>
      </c>
    </row>
    <row r="6927" spans="1:3" ht="24">
      <c r="A6927" s="13">
        <v>6925</v>
      </c>
      <c r="B6927" s="10" t="s">
        <v>3930</v>
      </c>
      <c r="C6927" s="12" t="s">
        <v>4354</v>
      </c>
    </row>
    <row r="6928" spans="1:3" ht="31.5">
      <c r="A6928" s="13">
        <v>6926</v>
      </c>
      <c r="B6928" s="11" t="s">
        <v>3931</v>
      </c>
      <c r="C6928" s="12" t="s">
        <v>4354</v>
      </c>
    </row>
    <row r="6929" spans="1:3" ht="31.5">
      <c r="A6929" s="10">
        <v>6927</v>
      </c>
      <c r="B6929" s="11" t="s">
        <v>3932</v>
      </c>
      <c r="C6929" s="12" t="s">
        <v>4354</v>
      </c>
    </row>
    <row r="6930" spans="1:3" ht="31.5">
      <c r="A6930" s="13">
        <v>6928</v>
      </c>
      <c r="B6930" s="11" t="s">
        <v>3933</v>
      </c>
      <c r="C6930" s="12" t="s">
        <v>4354</v>
      </c>
    </row>
    <row r="6931" spans="1:3" ht="31.5">
      <c r="A6931" s="13">
        <v>6929</v>
      </c>
      <c r="B6931" s="24" t="s">
        <v>3934</v>
      </c>
      <c r="C6931" s="12" t="s">
        <v>4354</v>
      </c>
    </row>
    <row r="6932" spans="1:3" ht="24">
      <c r="A6932" s="13">
        <v>6930</v>
      </c>
      <c r="B6932" s="10" t="s">
        <v>12</v>
      </c>
      <c r="C6932" s="12" t="s">
        <v>4354</v>
      </c>
    </row>
    <row r="6933" spans="1:3" ht="24">
      <c r="A6933" s="10">
        <v>6931</v>
      </c>
      <c r="B6933" s="53" t="s">
        <v>12</v>
      </c>
      <c r="C6933" s="12" t="s">
        <v>4354</v>
      </c>
    </row>
    <row r="6934" spans="1:3" ht="24">
      <c r="A6934" s="13">
        <v>6932</v>
      </c>
      <c r="B6934" s="53" t="s">
        <v>3995</v>
      </c>
      <c r="C6934" s="12" t="s">
        <v>4354</v>
      </c>
    </row>
    <row r="6935" spans="1:3" ht="24">
      <c r="A6935" s="13">
        <v>6933</v>
      </c>
      <c r="B6935" s="54" t="s">
        <v>12</v>
      </c>
      <c r="C6935" s="12" t="s">
        <v>4354</v>
      </c>
    </row>
    <row r="6936" spans="1:3" ht="24">
      <c r="A6936" s="13">
        <v>6934</v>
      </c>
      <c r="B6936" s="54" t="s">
        <v>3252</v>
      </c>
      <c r="C6936" s="12" t="s">
        <v>4354</v>
      </c>
    </row>
    <row r="6937" spans="1:3" ht="24">
      <c r="A6937" s="10">
        <v>6935</v>
      </c>
      <c r="B6937" s="54" t="s">
        <v>3998</v>
      </c>
      <c r="C6937" s="12" t="s">
        <v>4354</v>
      </c>
    </row>
    <row r="6938" spans="1:3" ht="24">
      <c r="A6938" s="13">
        <v>6936</v>
      </c>
      <c r="B6938" s="58" t="s">
        <v>3521</v>
      </c>
      <c r="C6938" s="12" t="s">
        <v>4354</v>
      </c>
    </row>
    <row r="6939" spans="1:3" ht="24">
      <c r="A6939" s="13">
        <v>6937</v>
      </c>
      <c r="B6939" s="58" t="s">
        <v>4003</v>
      </c>
      <c r="C6939" s="12" t="s">
        <v>4354</v>
      </c>
    </row>
    <row r="6940" spans="1:3" ht="31.5">
      <c r="A6940" s="13">
        <v>6938</v>
      </c>
      <c r="B6940" s="58" t="s">
        <v>4005</v>
      </c>
      <c r="C6940" s="12" t="s">
        <v>4354</v>
      </c>
    </row>
    <row r="6941" spans="1:3" ht="24">
      <c r="A6941" s="10">
        <v>6939</v>
      </c>
      <c r="B6941" s="15" t="s">
        <v>2202</v>
      </c>
      <c r="C6941" s="12" t="s">
        <v>4354</v>
      </c>
    </row>
    <row r="6942" spans="1:3" ht="24">
      <c r="A6942" s="13">
        <v>6940</v>
      </c>
      <c r="B6942" s="11" t="s">
        <v>4284</v>
      </c>
      <c r="C6942" s="12" t="s">
        <v>4354</v>
      </c>
    </row>
    <row r="6943" spans="1:3" ht="24">
      <c r="A6943" s="13">
        <v>6941</v>
      </c>
      <c r="B6943" s="53" t="s">
        <v>617</v>
      </c>
      <c r="C6943" s="12" t="s">
        <v>4354</v>
      </c>
    </row>
    <row r="6944" spans="1:3" ht="24">
      <c r="A6944" s="13">
        <v>6942</v>
      </c>
      <c r="B6944" s="53" t="s">
        <v>3500</v>
      </c>
      <c r="C6944" s="12" t="s">
        <v>4354</v>
      </c>
    </row>
    <row r="6945" spans="1:3" ht="24">
      <c r="A6945" s="10">
        <v>6943</v>
      </c>
      <c r="B6945" s="53" t="s">
        <v>3500</v>
      </c>
      <c r="C6945" s="12" t="s">
        <v>4354</v>
      </c>
    </row>
    <row r="6946" spans="1:3" ht="24">
      <c r="A6946" s="13">
        <v>6944</v>
      </c>
      <c r="B6946" s="53" t="s">
        <v>421</v>
      </c>
      <c r="C6946" s="12" t="s">
        <v>4354</v>
      </c>
    </row>
    <row r="6947" spans="1:3" ht="24">
      <c r="A6947" s="13">
        <v>6945</v>
      </c>
      <c r="B6947" s="53" t="s">
        <v>3959</v>
      </c>
      <c r="C6947" s="12" t="s">
        <v>4354</v>
      </c>
    </row>
    <row r="6948" spans="1:3" ht="24">
      <c r="A6948" s="13">
        <v>6946</v>
      </c>
      <c r="B6948" s="53" t="s">
        <v>3500</v>
      </c>
      <c r="C6948" s="12" t="s">
        <v>4354</v>
      </c>
    </row>
    <row r="6949" spans="1:3" ht="24">
      <c r="A6949" s="10">
        <v>6947</v>
      </c>
      <c r="B6949" s="54" t="s">
        <v>3820</v>
      </c>
      <c r="C6949" s="12" t="s">
        <v>4354</v>
      </c>
    </row>
    <row r="6950" spans="1:3" ht="24">
      <c r="A6950" s="13">
        <v>6948</v>
      </c>
      <c r="B6950" s="54" t="s">
        <v>3960</v>
      </c>
      <c r="C6950" s="12" t="s">
        <v>4354</v>
      </c>
    </row>
    <row r="6951" spans="1:3" ht="24">
      <c r="A6951" s="13">
        <v>6949</v>
      </c>
      <c r="B6951" s="54" t="s">
        <v>3961</v>
      </c>
      <c r="C6951" s="12" t="s">
        <v>4354</v>
      </c>
    </row>
    <row r="6952" spans="1:3" ht="24">
      <c r="A6952" s="13">
        <v>6950</v>
      </c>
      <c r="B6952" s="55" t="s">
        <v>3963</v>
      </c>
      <c r="C6952" s="12" t="s">
        <v>4354</v>
      </c>
    </row>
    <row r="6953" spans="1:3" ht="24">
      <c r="A6953" s="10">
        <v>6951</v>
      </c>
      <c r="B6953" s="54" t="s">
        <v>3964</v>
      </c>
      <c r="C6953" s="12" t="s">
        <v>4354</v>
      </c>
    </row>
    <row r="6954" spans="1:3" ht="24">
      <c r="A6954" s="13">
        <v>6952</v>
      </c>
      <c r="B6954" s="54" t="s">
        <v>3965</v>
      </c>
      <c r="C6954" s="12" t="s">
        <v>4354</v>
      </c>
    </row>
    <row r="6955" spans="1:3" ht="24">
      <c r="A6955" s="13">
        <v>6953</v>
      </c>
      <c r="B6955" s="10" t="s">
        <v>4362</v>
      </c>
      <c r="C6955" s="12" t="s">
        <v>4354</v>
      </c>
    </row>
    <row r="6956" spans="1:3" ht="24">
      <c r="A6956" s="13">
        <v>6954</v>
      </c>
      <c r="B6956" s="54" t="s">
        <v>3966</v>
      </c>
      <c r="C6956" s="12" t="s">
        <v>4354</v>
      </c>
    </row>
    <row r="6957" spans="1:3" ht="24">
      <c r="A6957" s="10">
        <v>6955</v>
      </c>
      <c r="B6957" s="54" t="s">
        <v>3967</v>
      </c>
      <c r="C6957" s="12" t="s">
        <v>4354</v>
      </c>
    </row>
    <row r="6958" spans="1:3" ht="24">
      <c r="A6958" s="13">
        <v>6956</v>
      </c>
      <c r="B6958" s="54" t="s">
        <v>3968</v>
      </c>
      <c r="C6958" s="12" t="s">
        <v>4354</v>
      </c>
    </row>
    <row r="6959" spans="1:3" ht="24">
      <c r="A6959" s="13">
        <v>6957</v>
      </c>
      <c r="B6959" s="54" t="s">
        <v>3968</v>
      </c>
      <c r="C6959" s="12" t="s">
        <v>4354</v>
      </c>
    </row>
    <row r="6960" spans="1:3" ht="24">
      <c r="A6960" s="13">
        <v>6958</v>
      </c>
      <c r="B6960" s="11" t="s">
        <v>3969</v>
      </c>
      <c r="C6960" s="12" t="s">
        <v>4354</v>
      </c>
    </row>
    <row r="6961" spans="1:3" ht="24">
      <c r="A6961" s="10">
        <v>6959</v>
      </c>
      <c r="B6961" s="10" t="s">
        <v>3970</v>
      </c>
      <c r="C6961" s="12" t="s">
        <v>4354</v>
      </c>
    </row>
    <row r="6962" spans="1:3" ht="47.25">
      <c r="A6962" s="13">
        <v>6960</v>
      </c>
      <c r="B6962" s="18" t="s">
        <v>4285</v>
      </c>
      <c r="C6962" s="12" t="s">
        <v>4354</v>
      </c>
    </row>
    <row r="6963" spans="1:3" ht="24">
      <c r="A6963" s="13">
        <v>6961</v>
      </c>
      <c r="B6963" s="41" t="s">
        <v>4286</v>
      </c>
      <c r="C6963" s="12" t="s">
        <v>4354</v>
      </c>
    </row>
    <row r="6964" spans="1:3" ht="24">
      <c r="A6964" s="13">
        <v>6962</v>
      </c>
      <c r="B6964" s="40" t="s">
        <v>4287</v>
      </c>
      <c r="C6964" s="12" t="s">
        <v>4354</v>
      </c>
    </row>
    <row r="6965" spans="1:3" ht="24">
      <c r="A6965" s="10">
        <v>6963</v>
      </c>
      <c r="B6965" s="10" t="s">
        <v>4288</v>
      </c>
      <c r="C6965" s="12" t="s">
        <v>4354</v>
      </c>
    </row>
    <row r="6966" spans="1:3" ht="24">
      <c r="A6966" s="13">
        <v>6964</v>
      </c>
      <c r="B6966" s="10" t="s">
        <v>412</v>
      </c>
      <c r="C6966" s="12" t="s">
        <v>4354</v>
      </c>
    </row>
    <row r="6967" spans="1:3" ht="31.5">
      <c r="A6967" s="13">
        <v>6965</v>
      </c>
      <c r="B6967" s="40" t="s">
        <v>4290</v>
      </c>
      <c r="C6967" s="12" t="s">
        <v>4354</v>
      </c>
    </row>
    <row r="6968" spans="1:3" ht="31.5">
      <c r="A6968" s="13">
        <v>6966</v>
      </c>
      <c r="B6968" s="10" t="s">
        <v>4290</v>
      </c>
      <c r="C6968" s="12" t="s">
        <v>4354</v>
      </c>
    </row>
    <row r="6969" spans="1:3" ht="31.5">
      <c r="A6969" s="10">
        <v>6967</v>
      </c>
      <c r="B6969" s="10" t="s">
        <v>4291</v>
      </c>
      <c r="C6969" s="12" t="s">
        <v>4354</v>
      </c>
    </row>
    <row r="6970" spans="1:3" ht="31.5">
      <c r="A6970" s="13">
        <v>6968</v>
      </c>
      <c r="B6970" s="40" t="s">
        <v>4291</v>
      </c>
      <c r="C6970" s="12" t="s">
        <v>4354</v>
      </c>
    </row>
    <row r="6971" spans="1:3" ht="63">
      <c r="A6971" s="13">
        <v>6969</v>
      </c>
      <c r="B6971" s="15" t="s">
        <v>4292</v>
      </c>
      <c r="C6971" s="12" t="s">
        <v>4354</v>
      </c>
    </row>
    <row r="6972" spans="1:3" ht="24">
      <c r="A6972" s="13">
        <v>6970</v>
      </c>
      <c r="B6972" s="10" t="s">
        <v>12</v>
      </c>
      <c r="C6972" s="12" t="s">
        <v>4354</v>
      </c>
    </row>
    <row r="6973" spans="1:3" ht="24">
      <c r="A6973" s="10">
        <v>6971</v>
      </c>
      <c r="B6973" s="10" t="s">
        <v>12</v>
      </c>
      <c r="C6973" s="12" t="s">
        <v>4354</v>
      </c>
    </row>
    <row r="6974" spans="1:3" ht="31.5">
      <c r="A6974" s="13">
        <v>6972</v>
      </c>
      <c r="B6974" s="15" t="s">
        <v>4294</v>
      </c>
      <c r="C6974" s="12" t="s">
        <v>4354</v>
      </c>
    </row>
    <row r="6975" spans="1:3" ht="24">
      <c r="A6975" s="13">
        <v>6973</v>
      </c>
      <c r="B6975" s="10" t="s">
        <v>4363</v>
      </c>
      <c r="C6975" s="12" t="s">
        <v>4354</v>
      </c>
    </row>
    <row r="6976" spans="1:3" ht="24">
      <c r="A6976" s="13">
        <v>6974</v>
      </c>
      <c r="B6976" s="10" t="s">
        <v>4364</v>
      </c>
      <c r="C6976" s="12" t="s">
        <v>4354</v>
      </c>
    </row>
    <row r="6977" spans="1:3" ht="24">
      <c r="A6977" s="10">
        <v>6975</v>
      </c>
      <c r="B6977" s="10" t="s">
        <v>34</v>
      </c>
      <c r="C6977" s="12" t="s">
        <v>4354</v>
      </c>
    </row>
    <row r="6978" spans="1:3" ht="24">
      <c r="A6978" s="13">
        <v>6976</v>
      </c>
      <c r="B6978" s="16" t="s">
        <v>4295</v>
      </c>
      <c r="C6978" s="12" t="s">
        <v>4354</v>
      </c>
    </row>
    <row r="6979" spans="1:3" ht="24">
      <c r="A6979" s="13">
        <v>6977</v>
      </c>
      <c r="B6979" s="10" t="s">
        <v>4295</v>
      </c>
      <c r="C6979" s="12" t="s">
        <v>4354</v>
      </c>
    </row>
    <row r="6980" spans="1:3" ht="24">
      <c r="A6980" s="13">
        <v>6978</v>
      </c>
      <c r="B6980" s="57" t="s">
        <v>3971</v>
      </c>
      <c r="C6980" s="12" t="s">
        <v>4354</v>
      </c>
    </row>
    <row r="6981" spans="1:3" ht="24">
      <c r="A6981" s="10">
        <v>6979</v>
      </c>
      <c r="B6981" s="52" t="s">
        <v>3971</v>
      </c>
      <c r="C6981" s="12" t="s">
        <v>4354</v>
      </c>
    </row>
    <row r="6982" spans="1:3" ht="24">
      <c r="A6982" s="13">
        <v>6980</v>
      </c>
      <c r="B6982" s="52" t="s">
        <v>3938</v>
      </c>
      <c r="C6982" s="12" t="s">
        <v>4354</v>
      </c>
    </row>
    <row r="6983" spans="1:3" ht="24">
      <c r="A6983" s="13">
        <v>6981</v>
      </c>
      <c r="B6983" s="53" t="s">
        <v>3939</v>
      </c>
      <c r="C6983" s="12" t="s">
        <v>4354</v>
      </c>
    </row>
    <row r="6984" spans="1:3" ht="24">
      <c r="A6984" s="13">
        <v>6982</v>
      </c>
      <c r="B6984" s="53" t="s">
        <v>4296</v>
      </c>
      <c r="C6984" s="12" t="s">
        <v>4354</v>
      </c>
    </row>
    <row r="6985" spans="1:3" ht="24">
      <c r="A6985" s="10">
        <v>6983</v>
      </c>
      <c r="B6985" s="53" t="s">
        <v>3940</v>
      </c>
      <c r="C6985" s="12" t="s">
        <v>4354</v>
      </c>
    </row>
    <row r="6986" spans="1:3" ht="24">
      <c r="A6986" s="13">
        <v>6984</v>
      </c>
      <c r="B6986" s="53" t="s">
        <v>3941</v>
      </c>
      <c r="C6986" s="12" t="s">
        <v>4354</v>
      </c>
    </row>
    <row r="6987" spans="1:3" ht="24">
      <c r="A6987" s="13">
        <v>6985</v>
      </c>
      <c r="B6987" s="53" t="s">
        <v>3941</v>
      </c>
      <c r="C6987" s="12" t="s">
        <v>4354</v>
      </c>
    </row>
    <row r="6988" spans="1:3" ht="24">
      <c r="A6988" s="13">
        <v>6986</v>
      </c>
      <c r="B6988" s="54" t="s">
        <v>3946</v>
      </c>
      <c r="C6988" s="12" t="s">
        <v>4354</v>
      </c>
    </row>
    <row r="6989" spans="1:3" ht="24">
      <c r="A6989" s="10">
        <v>6987</v>
      </c>
      <c r="B6989" s="54" t="s">
        <v>3947</v>
      </c>
      <c r="C6989" s="12" t="s">
        <v>4354</v>
      </c>
    </row>
    <row r="6990" spans="1:3" ht="24">
      <c r="A6990" s="13">
        <v>6988</v>
      </c>
      <c r="B6990" s="54" t="s">
        <v>3947</v>
      </c>
      <c r="C6990" s="12" t="s">
        <v>4354</v>
      </c>
    </row>
    <row r="6991" spans="1:3" ht="24">
      <c r="A6991" s="13">
        <v>6989</v>
      </c>
      <c r="B6991" s="54" t="s">
        <v>3948</v>
      </c>
      <c r="C6991" s="12" t="s">
        <v>4354</v>
      </c>
    </row>
    <row r="6992" spans="1:3" ht="24">
      <c r="A6992" s="13">
        <v>6990</v>
      </c>
      <c r="B6992" s="54" t="s">
        <v>3949</v>
      </c>
      <c r="C6992" s="12" t="s">
        <v>4354</v>
      </c>
    </row>
    <row r="6993" spans="1:3" ht="31.5">
      <c r="A6993" s="10">
        <v>6991</v>
      </c>
      <c r="B6993" s="54" t="s">
        <v>3950</v>
      </c>
      <c r="C6993" s="12" t="s">
        <v>4354</v>
      </c>
    </row>
    <row r="6994" spans="1:3" ht="31.5">
      <c r="A6994" s="13">
        <v>6992</v>
      </c>
      <c r="B6994" s="54" t="s">
        <v>3950</v>
      </c>
      <c r="C6994" s="12" t="s">
        <v>4354</v>
      </c>
    </row>
    <row r="6995" spans="1:3" ht="24">
      <c r="A6995" s="13">
        <v>6993</v>
      </c>
      <c r="B6995" s="54" t="s">
        <v>3951</v>
      </c>
      <c r="C6995" s="12" t="s">
        <v>4354</v>
      </c>
    </row>
    <row r="6996" spans="1:3" ht="24">
      <c r="A6996" s="13">
        <v>6994</v>
      </c>
      <c r="B6996" s="54" t="s">
        <v>3951</v>
      </c>
      <c r="C6996" s="12" t="s">
        <v>4354</v>
      </c>
    </row>
    <row r="6997" spans="1:3" ht="31.5">
      <c r="A6997" s="10">
        <v>6995</v>
      </c>
      <c r="B6997" s="10" t="s">
        <v>3953</v>
      </c>
      <c r="C6997" s="12" t="s">
        <v>4354</v>
      </c>
    </row>
    <row r="6998" spans="1:3" ht="31.5">
      <c r="A6998" s="13">
        <v>6996</v>
      </c>
      <c r="B6998" s="26" t="s">
        <v>3955</v>
      </c>
      <c r="C6998" s="12" t="s">
        <v>4354</v>
      </c>
    </row>
    <row r="6999" spans="1:3" ht="31.5">
      <c r="A6999" s="13">
        <v>6997</v>
      </c>
      <c r="B6999" s="27" t="s">
        <v>3955</v>
      </c>
      <c r="C6999" s="12" t="s">
        <v>4354</v>
      </c>
    </row>
    <row r="7000" spans="1:3" ht="24">
      <c r="A7000" s="13">
        <v>6998</v>
      </c>
      <c r="B7000" s="53" t="s">
        <v>4026</v>
      </c>
      <c r="C7000" s="12" t="s">
        <v>4354</v>
      </c>
    </row>
    <row r="7001" spans="1:3" ht="31.5">
      <c r="A7001" s="10">
        <v>6999</v>
      </c>
      <c r="B7001" s="27" t="s">
        <v>3955</v>
      </c>
      <c r="C7001" s="12" t="s">
        <v>4354</v>
      </c>
    </row>
    <row r="7002" spans="1:3" ht="31.5">
      <c r="A7002" s="13">
        <v>7000</v>
      </c>
      <c r="B7002" s="27" t="s">
        <v>3955</v>
      </c>
      <c r="C7002" s="12" t="s">
        <v>4354</v>
      </c>
    </row>
    <row r="7003" spans="1:3" ht="31.5">
      <c r="A7003" s="13">
        <v>7001</v>
      </c>
      <c r="B7003" s="27" t="s">
        <v>3955</v>
      </c>
      <c r="C7003" s="12" t="s">
        <v>4354</v>
      </c>
    </row>
    <row r="7004" spans="1:3" ht="24">
      <c r="A7004" s="13">
        <v>7002</v>
      </c>
      <c r="B7004" s="53" t="s">
        <v>4015</v>
      </c>
      <c r="C7004" s="12" t="s">
        <v>4354</v>
      </c>
    </row>
    <row r="7005" spans="1:3" ht="24">
      <c r="A7005" s="10">
        <v>7003</v>
      </c>
      <c r="B7005" s="53" t="s">
        <v>4028</v>
      </c>
      <c r="C7005" s="12" t="s">
        <v>4354</v>
      </c>
    </row>
    <row r="7006" spans="1:3" ht="24">
      <c r="A7006" s="13">
        <v>7004</v>
      </c>
      <c r="B7006" s="53" t="s">
        <v>4033</v>
      </c>
      <c r="C7006" s="12" t="s">
        <v>4354</v>
      </c>
    </row>
    <row r="7007" spans="1:3" ht="24">
      <c r="A7007" s="13">
        <v>7005</v>
      </c>
      <c r="B7007" s="55" t="s">
        <v>4034</v>
      </c>
      <c r="C7007" s="12" t="s">
        <v>4354</v>
      </c>
    </row>
    <row r="7008" spans="1:3" ht="24">
      <c r="A7008" s="13">
        <v>7006</v>
      </c>
      <c r="B7008" s="55" t="s">
        <v>4034</v>
      </c>
      <c r="C7008" s="12" t="s">
        <v>4354</v>
      </c>
    </row>
    <row r="7009" spans="1:3" ht="24">
      <c r="A7009" s="10">
        <v>7007</v>
      </c>
      <c r="B7009" s="52" t="s">
        <v>3972</v>
      </c>
      <c r="C7009" s="12" t="s">
        <v>4354</v>
      </c>
    </row>
    <row r="7010" spans="1:3" ht="24">
      <c r="A7010" s="13">
        <v>7008</v>
      </c>
      <c r="B7010" s="52" t="s">
        <v>3972</v>
      </c>
      <c r="C7010" s="12" t="s">
        <v>4354</v>
      </c>
    </row>
    <row r="7011" spans="1:3" ht="24">
      <c r="A7011" s="13">
        <v>7009</v>
      </c>
      <c r="B7011" s="52" t="s">
        <v>3972</v>
      </c>
      <c r="C7011" s="12" t="s">
        <v>4354</v>
      </c>
    </row>
    <row r="7012" spans="1:3" ht="24">
      <c r="A7012" s="13">
        <v>7010</v>
      </c>
      <c r="B7012" s="52" t="s">
        <v>3973</v>
      </c>
      <c r="C7012" s="12" t="s">
        <v>4354</v>
      </c>
    </row>
    <row r="7013" spans="1:3" ht="24">
      <c r="A7013" s="10">
        <v>7011</v>
      </c>
      <c r="B7013" s="52" t="s">
        <v>3974</v>
      </c>
      <c r="C7013" s="12" t="s">
        <v>4354</v>
      </c>
    </row>
    <row r="7014" spans="1:3" ht="24">
      <c r="A7014" s="13">
        <v>7012</v>
      </c>
      <c r="B7014" s="52" t="s">
        <v>3975</v>
      </c>
      <c r="C7014" s="12" t="s">
        <v>4354</v>
      </c>
    </row>
    <row r="7015" spans="1:3" ht="24">
      <c r="A7015" s="13">
        <v>7013</v>
      </c>
      <c r="B7015" s="53" t="s">
        <v>3976</v>
      </c>
      <c r="C7015" s="12" t="s">
        <v>4354</v>
      </c>
    </row>
    <row r="7016" spans="1:3" ht="24">
      <c r="A7016" s="13">
        <v>7014</v>
      </c>
      <c r="B7016" s="53" t="s">
        <v>3977</v>
      </c>
      <c r="C7016" s="12" t="s">
        <v>4354</v>
      </c>
    </row>
    <row r="7017" spans="1:3" ht="24">
      <c r="A7017" s="10">
        <v>7015</v>
      </c>
      <c r="B7017" s="53" t="s">
        <v>3978</v>
      </c>
      <c r="C7017" s="12" t="s">
        <v>4354</v>
      </c>
    </row>
    <row r="7018" spans="1:3" ht="24">
      <c r="A7018" s="13">
        <v>7016</v>
      </c>
      <c r="B7018" s="53" t="s">
        <v>3978</v>
      </c>
      <c r="C7018" s="12" t="s">
        <v>4354</v>
      </c>
    </row>
    <row r="7019" spans="1:3" ht="24">
      <c r="A7019" s="13">
        <v>7017</v>
      </c>
      <c r="B7019" s="10" t="s">
        <v>3979</v>
      </c>
      <c r="C7019" s="12" t="s">
        <v>4354</v>
      </c>
    </row>
    <row r="7020" spans="1:3" ht="24">
      <c r="A7020" s="13">
        <v>7018</v>
      </c>
      <c r="B7020" s="10" t="s">
        <v>3979</v>
      </c>
      <c r="C7020" s="12" t="s">
        <v>4354</v>
      </c>
    </row>
    <row r="7021" spans="1:3" ht="24">
      <c r="A7021" s="10">
        <v>7019</v>
      </c>
      <c r="B7021" s="10" t="s">
        <v>3979</v>
      </c>
      <c r="C7021" s="12" t="s">
        <v>4354</v>
      </c>
    </row>
    <row r="7022" spans="1:3" ht="24">
      <c r="A7022" s="13">
        <v>7020</v>
      </c>
      <c r="B7022" s="10" t="s">
        <v>65</v>
      </c>
      <c r="C7022" s="12" t="s">
        <v>4354</v>
      </c>
    </row>
    <row r="7023" spans="1:3" ht="24">
      <c r="A7023" s="13">
        <v>7021</v>
      </c>
      <c r="B7023" s="10" t="s">
        <v>3982</v>
      </c>
      <c r="C7023" s="12" t="s">
        <v>4354</v>
      </c>
    </row>
    <row r="7024" spans="1:3" ht="24">
      <c r="A7024" s="13">
        <v>7022</v>
      </c>
      <c r="B7024" s="60" t="s">
        <v>4297</v>
      </c>
      <c r="C7024" s="12" t="s">
        <v>4354</v>
      </c>
    </row>
    <row r="7025" spans="1:3" ht="24">
      <c r="A7025" s="10">
        <v>7023</v>
      </c>
      <c r="B7025" s="60" t="s">
        <v>4297</v>
      </c>
      <c r="C7025" s="12" t="s">
        <v>4354</v>
      </c>
    </row>
    <row r="7026" spans="1:3" ht="24">
      <c r="A7026" s="13">
        <v>7024</v>
      </c>
      <c r="B7026" s="60" t="s">
        <v>4297</v>
      </c>
      <c r="C7026" s="12" t="s">
        <v>4354</v>
      </c>
    </row>
    <row r="7027" spans="1:3" ht="24">
      <c r="A7027" s="13">
        <v>7025</v>
      </c>
      <c r="B7027" s="60" t="s">
        <v>4297</v>
      </c>
      <c r="C7027" s="12" t="s">
        <v>4354</v>
      </c>
    </row>
    <row r="7028" spans="1:3" ht="24">
      <c r="A7028" s="13">
        <v>7026</v>
      </c>
      <c r="B7028" s="60" t="s">
        <v>4297</v>
      </c>
      <c r="C7028" s="12" t="s">
        <v>4354</v>
      </c>
    </row>
    <row r="7029" spans="1:3" ht="24">
      <c r="A7029" s="10">
        <v>7027</v>
      </c>
      <c r="B7029" s="60" t="s">
        <v>4297</v>
      </c>
      <c r="C7029" s="12" t="s">
        <v>4354</v>
      </c>
    </row>
    <row r="7030" spans="1:3" ht="24">
      <c r="A7030" s="13">
        <v>7028</v>
      </c>
      <c r="B7030" s="60" t="s">
        <v>4297</v>
      </c>
      <c r="C7030" s="12" t="s">
        <v>4354</v>
      </c>
    </row>
    <row r="7031" spans="1:3" ht="24">
      <c r="A7031" s="13">
        <v>7029</v>
      </c>
      <c r="B7031" s="60" t="s">
        <v>4297</v>
      </c>
      <c r="C7031" s="12" t="s">
        <v>4354</v>
      </c>
    </row>
    <row r="7032" spans="1:3" ht="24">
      <c r="A7032" s="13">
        <v>7030</v>
      </c>
      <c r="B7032" s="60" t="s">
        <v>4298</v>
      </c>
      <c r="C7032" s="12" t="s">
        <v>4354</v>
      </c>
    </row>
    <row r="7033" spans="1:3" ht="24">
      <c r="A7033" s="10">
        <v>7031</v>
      </c>
      <c r="B7033" s="60" t="s">
        <v>4298</v>
      </c>
      <c r="C7033" s="12" t="s">
        <v>4354</v>
      </c>
    </row>
    <row r="7034" spans="1:3" ht="24">
      <c r="A7034" s="13">
        <v>7032</v>
      </c>
      <c r="B7034" s="60" t="s">
        <v>4298</v>
      </c>
      <c r="C7034" s="12" t="s">
        <v>4354</v>
      </c>
    </row>
    <row r="7035" spans="1:3" ht="24">
      <c r="A7035" s="13">
        <v>7033</v>
      </c>
      <c r="B7035" s="60" t="s">
        <v>4298</v>
      </c>
      <c r="C7035" s="12" t="s">
        <v>4354</v>
      </c>
    </row>
    <row r="7036" spans="1:3" ht="31.5">
      <c r="A7036" s="13">
        <v>7034</v>
      </c>
      <c r="B7036" s="26" t="s">
        <v>4299</v>
      </c>
      <c r="C7036" s="12" t="s">
        <v>4354</v>
      </c>
    </row>
    <row r="7037" spans="1:3" ht="31.5">
      <c r="A7037" s="10">
        <v>7035</v>
      </c>
      <c r="B7037" s="26" t="s">
        <v>4299</v>
      </c>
      <c r="C7037" s="12" t="s">
        <v>4354</v>
      </c>
    </row>
    <row r="7038" spans="1:3" ht="31.5">
      <c r="A7038" s="13">
        <v>7036</v>
      </c>
      <c r="B7038" s="26" t="s">
        <v>4299</v>
      </c>
      <c r="C7038" s="12" t="s">
        <v>4354</v>
      </c>
    </row>
    <row r="7039" spans="1:3" ht="24">
      <c r="A7039" s="13">
        <v>7037</v>
      </c>
      <c r="B7039" s="10" t="s">
        <v>4302</v>
      </c>
      <c r="C7039" s="12" t="s">
        <v>4354</v>
      </c>
    </row>
    <row r="7040" spans="1:3" ht="24">
      <c r="A7040" s="13">
        <v>7038</v>
      </c>
      <c r="B7040" s="10" t="s">
        <v>4304</v>
      </c>
      <c r="C7040" s="12" t="s">
        <v>4354</v>
      </c>
    </row>
    <row r="7041" spans="1:3" ht="24">
      <c r="A7041" s="10">
        <v>7039</v>
      </c>
      <c r="B7041" s="10" t="s">
        <v>4304</v>
      </c>
      <c r="C7041" s="12" t="s">
        <v>4354</v>
      </c>
    </row>
    <row r="7042" spans="1:3" ht="24">
      <c r="A7042" s="13">
        <v>7040</v>
      </c>
      <c r="B7042" s="10" t="s">
        <v>4304</v>
      </c>
      <c r="C7042" s="12" t="s">
        <v>4354</v>
      </c>
    </row>
    <row r="7043" spans="1:3" ht="24">
      <c r="A7043" s="13">
        <v>7041</v>
      </c>
      <c r="B7043" s="15" t="s">
        <v>4304</v>
      </c>
      <c r="C7043" s="12" t="s">
        <v>4354</v>
      </c>
    </row>
    <row r="7044" spans="1:3" ht="24">
      <c r="A7044" s="13">
        <v>7042</v>
      </c>
      <c r="B7044" s="10" t="s">
        <v>4305</v>
      </c>
      <c r="C7044" s="12" t="s">
        <v>4354</v>
      </c>
    </row>
    <row r="7045" spans="1:3" ht="24">
      <c r="A7045" s="10">
        <v>7043</v>
      </c>
      <c r="B7045" s="10" t="s">
        <v>4306</v>
      </c>
      <c r="C7045" s="12" t="s">
        <v>4354</v>
      </c>
    </row>
    <row r="7046" spans="1:3" ht="24">
      <c r="A7046" s="13">
        <v>7044</v>
      </c>
      <c r="B7046" s="10" t="s">
        <v>4306</v>
      </c>
      <c r="C7046" s="12" t="s">
        <v>4354</v>
      </c>
    </row>
    <row r="7047" spans="1:3" ht="24">
      <c r="A7047" s="13">
        <v>7045</v>
      </c>
      <c r="B7047" s="10" t="s">
        <v>4306</v>
      </c>
      <c r="C7047" s="12" t="s">
        <v>4354</v>
      </c>
    </row>
    <row r="7048" spans="1:3" ht="24">
      <c r="A7048" s="13">
        <v>7046</v>
      </c>
      <c r="B7048" s="10" t="s">
        <v>4306</v>
      </c>
      <c r="C7048" s="12" t="s">
        <v>4354</v>
      </c>
    </row>
    <row r="7049" spans="1:3" ht="24">
      <c r="A7049" s="10">
        <v>7047</v>
      </c>
      <c r="B7049" s="10" t="s">
        <v>4306</v>
      </c>
      <c r="C7049" s="12" t="s">
        <v>4354</v>
      </c>
    </row>
    <row r="7050" spans="1:3" ht="24">
      <c r="A7050" s="13">
        <v>7048</v>
      </c>
      <c r="B7050" s="10" t="s">
        <v>4307</v>
      </c>
      <c r="C7050" s="12" t="s">
        <v>4354</v>
      </c>
    </row>
    <row r="7051" spans="1:3" ht="24">
      <c r="A7051" s="13">
        <v>7049</v>
      </c>
      <c r="B7051" s="10" t="s">
        <v>4307</v>
      </c>
      <c r="C7051" s="12" t="s">
        <v>4354</v>
      </c>
    </row>
    <row r="7052" spans="1:3" ht="24">
      <c r="A7052" s="13">
        <v>7050</v>
      </c>
      <c r="B7052" s="10" t="s">
        <v>4307</v>
      </c>
      <c r="C7052" s="12" t="s">
        <v>4354</v>
      </c>
    </row>
    <row r="7053" spans="1:3" ht="24">
      <c r="A7053" s="10">
        <v>7051</v>
      </c>
      <c r="B7053" s="10" t="s">
        <v>4308</v>
      </c>
      <c r="C7053" s="12" t="s">
        <v>4354</v>
      </c>
    </row>
    <row r="7054" spans="1:3" ht="24">
      <c r="A7054" s="13">
        <v>7052</v>
      </c>
      <c r="B7054" s="10" t="s">
        <v>4308</v>
      </c>
      <c r="C7054" s="12" t="s">
        <v>4354</v>
      </c>
    </row>
    <row r="7055" spans="1:3" ht="24">
      <c r="A7055" s="13">
        <v>7053</v>
      </c>
      <c r="B7055" s="10" t="s">
        <v>4308</v>
      </c>
      <c r="C7055" s="12" t="s">
        <v>4354</v>
      </c>
    </row>
    <row r="7056" spans="1:3" ht="24">
      <c r="A7056" s="13">
        <v>7054</v>
      </c>
      <c r="B7056" s="10" t="s">
        <v>402</v>
      </c>
      <c r="C7056" s="12" t="s">
        <v>4354</v>
      </c>
    </row>
    <row r="7057" spans="1:3" ht="24">
      <c r="A7057" s="10">
        <v>7055</v>
      </c>
      <c r="B7057" s="10" t="s">
        <v>402</v>
      </c>
      <c r="C7057" s="12" t="s">
        <v>4354</v>
      </c>
    </row>
    <row r="7058" spans="1:3" ht="24">
      <c r="A7058" s="13">
        <v>7056</v>
      </c>
      <c r="B7058" s="15" t="s">
        <v>402</v>
      </c>
      <c r="C7058" s="12" t="s">
        <v>4354</v>
      </c>
    </row>
    <row r="7059" spans="1:3" ht="24">
      <c r="A7059" s="13">
        <v>7057</v>
      </c>
      <c r="B7059" s="40" t="s">
        <v>4309</v>
      </c>
      <c r="C7059" s="12" t="s">
        <v>4354</v>
      </c>
    </row>
    <row r="7060" spans="1:3" ht="24">
      <c r="A7060" s="13">
        <v>7058</v>
      </c>
      <c r="B7060" s="40" t="s">
        <v>4309</v>
      </c>
      <c r="C7060" s="12" t="s">
        <v>4354</v>
      </c>
    </row>
    <row r="7061" spans="1:3" ht="31.5">
      <c r="A7061" s="10">
        <v>7059</v>
      </c>
      <c r="B7061" s="40" t="s">
        <v>4310</v>
      </c>
      <c r="C7061" s="12" t="s">
        <v>4354</v>
      </c>
    </row>
    <row r="7062" spans="1:3" ht="31.5">
      <c r="A7062" s="13">
        <v>7060</v>
      </c>
      <c r="B7062" s="40" t="s">
        <v>4310</v>
      </c>
      <c r="C7062" s="12" t="s">
        <v>4354</v>
      </c>
    </row>
    <row r="7063" spans="1:3" ht="31.5">
      <c r="A7063" s="13">
        <v>7061</v>
      </c>
      <c r="B7063" s="40" t="s">
        <v>4310</v>
      </c>
      <c r="C7063" s="12" t="s">
        <v>4354</v>
      </c>
    </row>
    <row r="7064" spans="1:3" ht="24">
      <c r="A7064" s="13">
        <v>7062</v>
      </c>
      <c r="B7064" s="40" t="s">
        <v>4311</v>
      </c>
      <c r="C7064" s="12" t="s">
        <v>4354</v>
      </c>
    </row>
    <row r="7065" spans="1:3" ht="24">
      <c r="A7065" s="10">
        <v>7063</v>
      </c>
      <c r="B7065" s="40" t="s">
        <v>4311</v>
      </c>
      <c r="C7065" s="12" t="s">
        <v>4354</v>
      </c>
    </row>
    <row r="7066" spans="1:3" ht="24">
      <c r="A7066" s="13">
        <v>7064</v>
      </c>
      <c r="B7066" s="41" t="s">
        <v>4312</v>
      </c>
      <c r="C7066" s="12" t="s">
        <v>4354</v>
      </c>
    </row>
    <row r="7067" spans="1:3" ht="24">
      <c r="A7067" s="13">
        <v>7065</v>
      </c>
      <c r="B7067" s="40" t="s">
        <v>4313</v>
      </c>
      <c r="C7067" s="12" t="s">
        <v>4354</v>
      </c>
    </row>
    <row r="7068" spans="1:3" ht="24">
      <c r="A7068" s="13">
        <v>7066</v>
      </c>
      <c r="B7068" s="40" t="s">
        <v>4314</v>
      </c>
      <c r="C7068" s="12" t="s">
        <v>4354</v>
      </c>
    </row>
    <row r="7069" spans="1:3" ht="24">
      <c r="A7069" s="10">
        <v>7067</v>
      </c>
      <c r="B7069" s="40" t="s">
        <v>4315</v>
      </c>
      <c r="C7069" s="12" t="s">
        <v>4354</v>
      </c>
    </row>
    <row r="7070" spans="1:3" ht="24">
      <c r="A7070" s="13">
        <v>7068</v>
      </c>
      <c r="B7070" s="40" t="s">
        <v>4316</v>
      </c>
      <c r="C7070" s="12" t="s">
        <v>4354</v>
      </c>
    </row>
    <row r="7071" spans="1:3" ht="24">
      <c r="A7071" s="13">
        <v>7069</v>
      </c>
      <c r="B7071" s="40" t="s">
        <v>4317</v>
      </c>
      <c r="C7071" s="12" t="s">
        <v>4354</v>
      </c>
    </row>
    <row r="7072" spans="1:3" ht="24">
      <c r="A7072" s="13">
        <v>7070</v>
      </c>
      <c r="B7072" s="40" t="s">
        <v>4317</v>
      </c>
      <c r="C7072" s="12" t="s">
        <v>4354</v>
      </c>
    </row>
    <row r="7073" spans="1:3" ht="24">
      <c r="A7073" s="10">
        <v>7071</v>
      </c>
      <c r="B7073" s="40" t="s">
        <v>4317</v>
      </c>
      <c r="C7073" s="12" t="s">
        <v>4354</v>
      </c>
    </row>
    <row r="7074" spans="1:3" ht="24">
      <c r="A7074" s="13">
        <v>7072</v>
      </c>
      <c r="B7074" s="40" t="s">
        <v>4317</v>
      </c>
      <c r="C7074" s="12" t="s">
        <v>4354</v>
      </c>
    </row>
    <row r="7075" spans="1:3" ht="24">
      <c r="A7075" s="13">
        <v>7073</v>
      </c>
      <c r="B7075" s="40" t="s">
        <v>4317</v>
      </c>
      <c r="C7075" s="12" t="s">
        <v>4354</v>
      </c>
    </row>
    <row r="7076" spans="1:3" ht="24">
      <c r="A7076" s="13">
        <v>7074</v>
      </c>
      <c r="B7076" s="40" t="s">
        <v>4318</v>
      </c>
      <c r="C7076" s="12" t="s">
        <v>4354</v>
      </c>
    </row>
    <row r="7077" spans="1:3" ht="24">
      <c r="A7077" s="10">
        <v>7075</v>
      </c>
      <c r="B7077" s="10" t="s">
        <v>4318</v>
      </c>
      <c r="C7077" s="12" t="s">
        <v>4354</v>
      </c>
    </row>
    <row r="7078" spans="1:3" ht="24">
      <c r="A7078" s="13">
        <v>7076</v>
      </c>
      <c r="B7078" s="10" t="s">
        <v>4318</v>
      </c>
      <c r="C7078" s="12" t="s">
        <v>4354</v>
      </c>
    </row>
    <row r="7079" spans="1:3" ht="24">
      <c r="A7079" s="13">
        <v>7077</v>
      </c>
      <c r="B7079" s="10" t="s">
        <v>4318</v>
      </c>
      <c r="C7079" s="12" t="s">
        <v>4354</v>
      </c>
    </row>
    <row r="7080" spans="1:3" ht="24">
      <c r="A7080" s="13">
        <v>7078</v>
      </c>
      <c r="B7080" s="15" t="s">
        <v>4318</v>
      </c>
      <c r="C7080" s="12" t="s">
        <v>4354</v>
      </c>
    </row>
    <row r="7081" spans="1:3" ht="24">
      <c r="A7081" s="10">
        <v>7079</v>
      </c>
      <c r="B7081" s="40" t="s">
        <v>4308</v>
      </c>
      <c r="C7081" s="12" t="s">
        <v>4354</v>
      </c>
    </row>
    <row r="7082" spans="1:3" ht="24">
      <c r="A7082" s="13">
        <v>7080</v>
      </c>
      <c r="B7082" s="40" t="s">
        <v>4308</v>
      </c>
      <c r="C7082" s="12" t="s">
        <v>4354</v>
      </c>
    </row>
    <row r="7083" spans="1:3" ht="24">
      <c r="A7083" s="13">
        <v>7081</v>
      </c>
      <c r="B7083" s="40" t="s">
        <v>4308</v>
      </c>
      <c r="C7083" s="12" t="s">
        <v>4354</v>
      </c>
    </row>
    <row r="7084" spans="1:3" ht="24">
      <c r="A7084" s="13">
        <v>7082</v>
      </c>
      <c r="B7084" s="41" t="s">
        <v>4308</v>
      </c>
      <c r="C7084" s="12" t="s">
        <v>4354</v>
      </c>
    </row>
    <row r="7085" spans="1:3" ht="24">
      <c r="A7085" s="10">
        <v>7083</v>
      </c>
      <c r="B7085" s="60" t="s">
        <v>4319</v>
      </c>
      <c r="C7085" s="12" t="s">
        <v>4354</v>
      </c>
    </row>
    <row r="7086" spans="1:3" ht="24">
      <c r="A7086" s="13">
        <v>7084</v>
      </c>
      <c r="B7086" s="60" t="s">
        <v>4319</v>
      </c>
      <c r="C7086" s="12" t="s">
        <v>4354</v>
      </c>
    </row>
    <row r="7087" spans="1:3" ht="24">
      <c r="A7087" s="13">
        <v>7085</v>
      </c>
      <c r="B7087" s="60" t="s">
        <v>4319</v>
      </c>
      <c r="C7087" s="12" t="s">
        <v>4354</v>
      </c>
    </row>
    <row r="7088" spans="1:3" ht="24">
      <c r="A7088" s="13">
        <v>7086</v>
      </c>
      <c r="B7088" s="60" t="s">
        <v>4319</v>
      </c>
      <c r="C7088" s="12" t="s">
        <v>4354</v>
      </c>
    </row>
    <row r="7089" spans="1:3" ht="24">
      <c r="A7089" s="10">
        <v>7087</v>
      </c>
      <c r="B7089" s="60" t="s">
        <v>4319</v>
      </c>
      <c r="C7089" s="12" t="s">
        <v>4354</v>
      </c>
    </row>
    <row r="7090" spans="1:3" ht="24">
      <c r="A7090" s="13">
        <v>7088</v>
      </c>
      <c r="B7090" s="60" t="s">
        <v>4319</v>
      </c>
      <c r="C7090" s="12" t="s">
        <v>4354</v>
      </c>
    </row>
    <row r="7091" spans="1:3" ht="24">
      <c r="A7091" s="13">
        <v>7089</v>
      </c>
      <c r="B7091" s="60" t="s">
        <v>4319</v>
      </c>
      <c r="C7091" s="12" t="s">
        <v>4354</v>
      </c>
    </row>
    <row r="7092" spans="1:3" ht="24">
      <c r="A7092" s="13">
        <v>7090</v>
      </c>
      <c r="B7092" s="60" t="s">
        <v>4319</v>
      </c>
      <c r="C7092" s="12" t="s">
        <v>4354</v>
      </c>
    </row>
    <row r="7093" spans="1:3" ht="24">
      <c r="A7093" s="10">
        <v>7091</v>
      </c>
      <c r="B7093" s="60" t="s">
        <v>4319</v>
      </c>
      <c r="C7093" s="12" t="s">
        <v>4354</v>
      </c>
    </row>
    <row r="7094" spans="1:3" ht="24">
      <c r="A7094" s="13">
        <v>7092</v>
      </c>
      <c r="B7094" s="60" t="s">
        <v>4319</v>
      </c>
      <c r="C7094" s="12" t="s">
        <v>4354</v>
      </c>
    </row>
    <row r="7095" spans="1:3" ht="24">
      <c r="A7095" s="13">
        <v>7093</v>
      </c>
      <c r="B7095" s="60" t="s">
        <v>4319</v>
      </c>
      <c r="C7095" s="12" t="s">
        <v>4354</v>
      </c>
    </row>
    <row r="7096" spans="1:3" ht="24">
      <c r="A7096" s="13">
        <v>7094</v>
      </c>
      <c r="B7096" s="60" t="s">
        <v>4319</v>
      </c>
      <c r="C7096" s="12" t="s">
        <v>4354</v>
      </c>
    </row>
    <row r="7097" spans="1:3" ht="24">
      <c r="A7097" s="10">
        <v>7095</v>
      </c>
      <c r="B7097" s="60" t="s">
        <v>4319</v>
      </c>
      <c r="C7097" s="12" t="s">
        <v>4354</v>
      </c>
    </row>
    <row r="7098" spans="1:3" ht="24">
      <c r="A7098" s="13">
        <v>7096</v>
      </c>
      <c r="B7098" s="17" t="s">
        <v>4324</v>
      </c>
      <c r="C7098" s="12" t="s">
        <v>4354</v>
      </c>
    </row>
    <row r="7099" spans="1:3" ht="24">
      <c r="A7099" s="13">
        <v>7097</v>
      </c>
      <c r="B7099" s="43" t="s">
        <v>4325</v>
      </c>
      <c r="C7099" s="12" t="s">
        <v>4354</v>
      </c>
    </row>
    <row r="7100" spans="1:3" ht="24">
      <c r="A7100" s="13">
        <v>7098</v>
      </c>
      <c r="B7100" s="10" t="s">
        <v>4365</v>
      </c>
      <c r="C7100" s="12" t="s">
        <v>4354</v>
      </c>
    </row>
    <row r="7101" spans="1:3" ht="24">
      <c r="A7101" s="10">
        <v>7099</v>
      </c>
      <c r="B7101" s="10" t="s">
        <v>4365</v>
      </c>
      <c r="C7101" s="12" t="s">
        <v>4354</v>
      </c>
    </row>
    <row r="7102" spans="1:3" ht="24">
      <c r="A7102" s="13">
        <v>7100</v>
      </c>
      <c r="B7102" s="10" t="s">
        <v>4365</v>
      </c>
      <c r="C7102" s="12" t="s">
        <v>4354</v>
      </c>
    </row>
    <row r="7103" spans="1:3" ht="24">
      <c r="A7103" s="13">
        <v>7101</v>
      </c>
      <c r="B7103" s="10" t="s">
        <v>4366</v>
      </c>
      <c r="C7103" s="12" t="s">
        <v>4354</v>
      </c>
    </row>
    <row r="7104" spans="1:3" ht="24">
      <c r="A7104" s="13">
        <v>7102</v>
      </c>
      <c r="B7104" s="15" t="s">
        <v>4366</v>
      </c>
      <c r="C7104" s="12" t="s">
        <v>4354</v>
      </c>
    </row>
    <row r="7105" spans="1:3" ht="24">
      <c r="A7105" s="10">
        <v>7103</v>
      </c>
      <c r="B7105" s="10" t="s">
        <v>4367</v>
      </c>
      <c r="C7105" s="12" t="s">
        <v>4354</v>
      </c>
    </row>
    <row r="7106" spans="1:3" ht="24">
      <c r="A7106" s="13">
        <v>7104</v>
      </c>
      <c r="B7106" s="10" t="s">
        <v>4367</v>
      </c>
      <c r="C7106" s="12" t="s">
        <v>4354</v>
      </c>
    </row>
    <row r="7107" spans="1:3" ht="24">
      <c r="A7107" s="13">
        <v>7105</v>
      </c>
      <c r="B7107" s="10" t="s">
        <v>4367</v>
      </c>
      <c r="C7107" s="12" t="s">
        <v>4354</v>
      </c>
    </row>
    <row r="7108" spans="1:3" ht="24">
      <c r="A7108" s="13">
        <v>7106</v>
      </c>
      <c r="B7108" s="10" t="s">
        <v>4367</v>
      </c>
      <c r="C7108" s="12" t="s">
        <v>4354</v>
      </c>
    </row>
    <row r="7109" spans="1:3" ht="24">
      <c r="A7109" s="10">
        <v>7107</v>
      </c>
      <c r="B7109" s="10" t="s">
        <v>4367</v>
      </c>
      <c r="C7109" s="12" t="s">
        <v>4354</v>
      </c>
    </row>
    <row r="7110" spans="1:3" ht="24">
      <c r="A7110" s="13">
        <v>7108</v>
      </c>
      <c r="B7110" s="56" t="s">
        <v>3957</v>
      </c>
      <c r="C7110" s="12" t="s">
        <v>4354</v>
      </c>
    </row>
    <row r="7111" spans="1:3" ht="24">
      <c r="A7111" s="13">
        <v>7109</v>
      </c>
      <c r="B7111" s="53" t="s">
        <v>3957</v>
      </c>
      <c r="C7111" s="12" t="s">
        <v>4354</v>
      </c>
    </row>
    <row r="7112" spans="1:3" ht="24">
      <c r="A7112" s="13">
        <v>7110</v>
      </c>
      <c r="B7112" s="53" t="s">
        <v>3957</v>
      </c>
      <c r="C7112" s="12" t="s">
        <v>4354</v>
      </c>
    </row>
    <row r="7113" spans="1:3" ht="24">
      <c r="A7113" s="10">
        <v>7111</v>
      </c>
      <c r="B7113" s="53" t="s">
        <v>3957</v>
      </c>
      <c r="C7113" s="12" t="s">
        <v>4354</v>
      </c>
    </row>
    <row r="7114" spans="1:3" ht="24">
      <c r="A7114" s="13">
        <v>7112</v>
      </c>
      <c r="B7114" s="53" t="s">
        <v>3957</v>
      </c>
      <c r="C7114" s="12" t="s">
        <v>4354</v>
      </c>
    </row>
    <row r="7115" spans="1:3" ht="24">
      <c r="A7115" s="13">
        <v>7113</v>
      </c>
      <c r="B7115" s="53" t="s">
        <v>3957</v>
      </c>
      <c r="C7115" s="12" t="s">
        <v>4354</v>
      </c>
    </row>
    <row r="7116" spans="1:3" ht="24">
      <c r="A7116" s="13">
        <v>7114</v>
      </c>
      <c r="B7116" s="53" t="s">
        <v>3957</v>
      </c>
      <c r="C7116" s="12" t="s">
        <v>4354</v>
      </c>
    </row>
    <row r="7117" spans="1:3" ht="24">
      <c r="A7117" s="10">
        <v>7115</v>
      </c>
      <c r="B7117" s="53" t="s">
        <v>3957</v>
      </c>
      <c r="C7117" s="12" t="s">
        <v>4354</v>
      </c>
    </row>
    <row r="7118" spans="1:3" ht="24">
      <c r="A7118" s="13">
        <v>7116</v>
      </c>
      <c r="B7118" s="53" t="s">
        <v>3957</v>
      </c>
      <c r="C7118" s="12" t="s">
        <v>4354</v>
      </c>
    </row>
    <row r="7119" spans="1:3" ht="24">
      <c r="A7119" s="13">
        <v>7117</v>
      </c>
      <c r="B7119" s="53" t="s">
        <v>3957</v>
      </c>
      <c r="C7119" s="12" t="s">
        <v>4354</v>
      </c>
    </row>
    <row r="7120" spans="1:3" ht="24">
      <c r="A7120" s="13">
        <v>7118</v>
      </c>
      <c r="B7120" s="53" t="s">
        <v>3957</v>
      </c>
      <c r="C7120" s="12" t="s">
        <v>4354</v>
      </c>
    </row>
    <row r="7121" spans="1:3" ht="24">
      <c r="A7121" s="10">
        <v>7119</v>
      </c>
      <c r="B7121" s="53" t="s">
        <v>3957</v>
      </c>
      <c r="C7121" s="12" t="s">
        <v>4354</v>
      </c>
    </row>
    <row r="7122" spans="1:3" ht="24">
      <c r="A7122" s="13">
        <v>7120</v>
      </c>
      <c r="B7122" s="53" t="s">
        <v>3957</v>
      </c>
      <c r="C7122" s="12" t="s">
        <v>4354</v>
      </c>
    </row>
    <row r="7123" spans="1:3" ht="24">
      <c r="A7123" s="13">
        <v>7121</v>
      </c>
      <c r="B7123" s="53" t="s">
        <v>3957</v>
      </c>
      <c r="C7123" s="12" t="s">
        <v>4354</v>
      </c>
    </row>
    <row r="7124" spans="1:3" ht="24">
      <c r="A7124" s="13">
        <v>7122</v>
      </c>
      <c r="B7124" s="53" t="s">
        <v>3957</v>
      </c>
      <c r="C7124" s="12" t="s">
        <v>4354</v>
      </c>
    </row>
    <row r="7125" spans="1:3" ht="24">
      <c r="A7125" s="10">
        <v>7123</v>
      </c>
      <c r="B7125" s="53" t="s">
        <v>3957</v>
      </c>
      <c r="C7125" s="12" t="s">
        <v>4354</v>
      </c>
    </row>
    <row r="7126" spans="1:3" ht="24">
      <c r="A7126" s="13">
        <v>7124</v>
      </c>
      <c r="B7126" s="26" t="s">
        <v>4340</v>
      </c>
      <c r="C7126" s="12" t="s">
        <v>4354</v>
      </c>
    </row>
    <row r="7127" spans="1:3" ht="24">
      <c r="A7127" s="13">
        <v>7125</v>
      </c>
      <c r="B7127" s="26" t="s">
        <v>4340</v>
      </c>
      <c r="C7127" s="12" t="s">
        <v>4354</v>
      </c>
    </row>
    <row r="7128" spans="1:3" ht="24">
      <c r="A7128" s="13">
        <v>7126</v>
      </c>
      <c r="B7128" s="26" t="s">
        <v>4341</v>
      </c>
      <c r="C7128" s="12" t="s">
        <v>4354</v>
      </c>
    </row>
    <row r="7129" spans="1:3" ht="24">
      <c r="A7129" s="10">
        <v>7127</v>
      </c>
      <c r="B7129" s="26" t="s">
        <v>4341</v>
      </c>
      <c r="C7129" s="12" t="s">
        <v>4354</v>
      </c>
    </row>
    <row r="7130" spans="1:3" ht="24">
      <c r="A7130" s="13">
        <v>7128</v>
      </c>
      <c r="B7130" s="26" t="s">
        <v>4341</v>
      </c>
      <c r="C7130" s="12" t="s">
        <v>4354</v>
      </c>
    </row>
    <row r="7131" spans="1:3" ht="24">
      <c r="A7131" s="13">
        <v>7129</v>
      </c>
      <c r="B7131" s="26" t="s">
        <v>4341</v>
      </c>
      <c r="C7131" s="12" t="s">
        <v>4354</v>
      </c>
    </row>
    <row r="7132" spans="1:3" ht="24">
      <c r="A7132" s="13">
        <v>7130</v>
      </c>
      <c r="B7132" s="26" t="s">
        <v>4341</v>
      </c>
      <c r="C7132" s="12" t="s">
        <v>4354</v>
      </c>
    </row>
    <row r="7133" spans="1:3" ht="24">
      <c r="A7133" s="10">
        <v>7131</v>
      </c>
      <c r="B7133" s="26" t="s">
        <v>4341</v>
      </c>
      <c r="C7133" s="12" t="s">
        <v>4354</v>
      </c>
    </row>
    <row r="7134" spans="1:3" ht="24">
      <c r="A7134" s="13">
        <v>7132</v>
      </c>
      <c r="B7134" s="26" t="s">
        <v>4341</v>
      </c>
      <c r="C7134" s="12" t="s">
        <v>4354</v>
      </c>
    </row>
    <row r="7135" spans="1:3" ht="24">
      <c r="A7135" s="13">
        <v>7133</v>
      </c>
      <c r="B7135" s="26" t="s">
        <v>4341</v>
      </c>
      <c r="C7135" s="12" t="s">
        <v>4354</v>
      </c>
    </row>
    <row r="7136" spans="1:3" ht="24">
      <c r="A7136" s="13">
        <v>7134</v>
      </c>
      <c r="B7136" s="26" t="s">
        <v>4341</v>
      </c>
      <c r="C7136" s="12" t="s">
        <v>4354</v>
      </c>
    </row>
    <row r="7137" spans="1:3" ht="24">
      <c r="A7137" s="10">
        <v>7135</v>
      </c>
      <c r="B7137" s="26" t="s">
        <v>4341</v>
      </c>
      <c r="C7137" s="12" t="s">
        <v>4354</v>
      </c>
    </row>
    <row r="7138" spans="1:3" ht="24">
      <c r="A7138" s="13">
        <v>7136</v>
      </c>
      <c r="B7138" s="26" t="s">
        <v>4341</v>
      </c>
      <c r="C7138" s="12" t="s">
        <v>4354</v>
      </c>
    </row>
    <row r="7139" spans="1:3" ht="24">
      <c r="A7139" s="13">
        <v>7137</v>
      </c>
      <c r="B7139" s="30" t="s">
        <v>4342</v>
      </c>
      <c r="C7139" s="12" t="s">
        <v>4354</v>
      </c>
    </row>
    <row r="7140" spans="1:3" ht="24">
      <c r="A7140" s="13">
        <v>7138</v>
      </c>
      <c r="B7140" s="10" t="s">
        <v>4343</v>
      </c>
      <c r="C7140" s="12" t="s">
        <v>4354</v>
      </c>
    </row>
    <row r="7141" spans="1:3" ht="24">
      <c r="A7141" s="10">
        <v>7139</v>
      </c>
      <c r="B7141" s="15" t="s">
        <v>4344</v>
      </c>
      <c r="C7141" s="12" t="s">
        <v>4354</v>
      </c>
    </row>
    <row r="7142" spans="1:3" ht="24">
      <c r="A7142" s="13">
        <v>7140</v>
      </c>
      <c r="B7142" s="10" t="s">
        <v>4345</v>
      </c>
      <c r="C7142" s="12" t="s">
        <v>4354</v>
      </c>
    </row>
    <row r="7143" spans="1:3" ht="24">
      <c r="A7143" s="13">
        <v>7141</v>
      </c>
      <c r="B7143" s="10" t="s">
        <v>4346</v>
      </c>
      <c r="C7143" s="12" t="s">
        <v>4354</v>
      </c>
    </row>
    <row r="7144" spans="1:3" ht="24">
      <c r="A7144" s="13">
        <v>7142</v>
      </c>
      <c r="B7144" s="10" t="s">
        <v>4347</v>
      </c>
      <c r="C7144" s="12" t="s">
        <v>4354</v>
      </c>
    </row>
    <row r="7145" spans="1:3" ht="24">
      <c r="A7145" s="10">
        <v>7143</v>
      </c>
      <c r="B7145" s="10" t="s">
        <v>4347</v>
      </c>
      <c r="C7145" s="12" t="s">
        <v>4354</v>
      </c>
    </row>
    <row r="7146" spans="1:3" ht="24">
      <c r="A7146" s="13">
        <v>7144</v>
      </c>
      <c r="B7146" s="10" t="s">
        <v>4347</v>
      </c>
      <c r="C7146" s="12" t="s">
        <v>4354</v>
      </c>
    </row>
    <row r="7147" spans="1:3" ht="24">
      <c r="A7147" s="13">
        <v>7145</v>
      </c>
      <c r="B7147" s="59" t="s">
        <v>3992</v>
      </c>
      <c r="C7147" s="12" t="s">
        <v>4354</v>
      </c>
    </row>
    <row r="7148" spans="1:3" ht="31.5">
      <c r="A7148" s="13">
        <v>7146</v>
      </c>
      <c r="B7148" s="11" t="s">
        <v>4348</v>
      </c>
      <c r="C7148" s="12" t="s">
        <v>4354</v>
      </c>
    </row>
    <row r="7149" spans="1:3" ht="31.5">
      <c r="A7149" s="10">
        <v>7147</v>
      </c>
      <c r="B7149" s="11" t="s">
        <v>4348</v>
      </c>
      <c r="C7149" s="12" t="s">
        <v>4354</v>
      </c>
    </row>
    <row r="7150" spans="1:3" ht="31.5">
      <c r="A7150" s="13">
        <v>7148</v>
      </c>
      <c r="B7150" s="11" t="s">
        <v>4348</v>
      </c>
      <c r="C7150" s="12" t="s">
        <v>4354</v>
      </c>
    </row>
    <row r="7151" spans="1:3" ht="31.5">
      <c r="A7151" s="13">
        <v>7149</v>
      </c>
      <c r="B7151" s="11" t="s">
        <v>4348</v>
      </c>
      <c r="C7151" s="12" t="s">
        <v>4354</v>
      </c>
    </row>
    <row r="7152" spans="1:3" ht="31.5">
      <c r="A7152" s="13">
        <v>7150</v>
      </c>
      <c r="B7152" s="11" t="s">
        <v>4348</v>
      </c>
      <c r="C7152" s="12" t="s">
        <v>4354</v>
      </c>
    </row>
    <row r="7153" spans="1:3" ht="24">
      <c r="A7153" s="10">
        <v>7151</v>
      </c>
      <c r="B7153" s="11" t="s">
        <v>4349</v>
      </c>
      <c r="C7153" s="12" t="s">
        <v>4354</v>
      </c>
    </row>
    <row r="7154" spans="1:3" ht="24">
      <c r="A7154" s="13">
        <v>7152</v>
      </c>
      <c r="B7154" s="24" t="s">
        <v>4349</v>
      </c>
      <c r="C7154" s="12" t="s">
        <v>4354</v>
      </c>
    </row>
    <row r="7155" spans="1:3" ht="24">
      <c r="A7155" s="13">
        <v>7153</v>
      </c>
      <c r="B7155" s="10" t="s">
        <v>4268</v>
      </c>
      <c r="C7155" s="12" t="s">
        <v>4354</v>
      </c>
    </row>
    <row r="7156" spans="1:3" ht="24">
      <c r="A7156" s="13">
        <v>7154</v>
      </c>
      <c r="B7156" s="10" t="s">
        <v>2202</v>
      </c>
      <c r="C7156" s="12" t="s">
        <v>4354</v>
      </c>
    </row>
    <row r="7157" spans="1:3" ht="24">
      <c r="A7157" s="10">
        <v>7155</v>
      </c>
      <c r="B7157" s="10" t="s">
        <v>4269</v>
      </c>
      <c r="C7157" s="12" t="s">
        <v>4354</v>
      </c>
    </row>
    <row r="7158" spans="1:3" ht="24">
      <c r="A7158" s="13">
        <v>7156</v>
      </c>
      <c r="B7158" s="10" t="s">
        <v>4374</v>
      </c>
      <c r="C7158" s="12" t="s">
        <v>4354</v>
      </c>
    </row>
    <row r="7159" spans="1:3" ht="24">
      <c r="A7159" s="13">
        <v>7157</v>
      </c>
      <c r="B7159" s="10" t="s">
        <v>4350</v>
      </c>
      <c r="C7159" s="12" t="s">
        <v>4354</v>
      </c>
    </row>
    <row r="7160" spans="1:3" ht="24">
      <c r="A7160" s="13">
        <v>7158</v>
      </c>
      <c r="B7160" s="10" t="s">
        <v>4351</v>
      </c>
      <c r="C7160" s="12" t="s">
        <v>4354</v>
      </c>
    </row>
    <row r="7161" spans="1:3" ht="24">
      <c r="A7161" s="10">
        <v>7159</v>
      </c>
      <c r="B7161" s="56" t="s">
        <v>3983</v>
      </c>
      <c r="C7161" s="12" t="s">
        <v>4354</v>
      </c>
    </row>
    <row r="7162" spans="1:3" ht="24">
      <c r="A7162" s="13">
        <v>7160</v>
      </c>
      <c r="B7162" s="53" t="s">
        <v>3984</v>
      </c>
      <c r="C7162" s="12" t="s">
        <v>4354</v>
      </c>
    </row>
    <row r="7163" spans="1:3" ht="31.5">
      <c r="A7163" s="13">
        <v>7161</v>
      </c>
      <c r="B7163" s="53" t="s">
        <v>3985</v>
      </c>
      <c r="C7163" s="12" t="s">
        <v>4354</v>
      </c>
    </row>
    <row r="7164" spans="1:3" ht="24">
      <c r="A7164" s="13">
        <v>7162</v>
      </c>
      <c r="B7164" s="53" t="s">
        <v>3986</v>
      </c>
      <c r="C7164" s="12" t="s">
        <v>4354</v>
      </c>
    </row>
    <row r="7165" spans="1:3" ht="24">
      <c r="A7165" s="10">
        <v>7163</v>
      </c>
      <c r="B7165" s="53" t="s">
        <v>3987</v>
      </c>
      <c r="C7165" s="12" t="s">
        <v>4354</v>
      </c>
    </row>
    <row r="7166" spans="1:3" ht="24">
      <c r="A7166" s="13">
        <v>7164</v>
      </c>
      <c r="B7166" s="53" t="s">
        <v>3988</v>
      </c>
      <c r="C7166" s="12" t="s">
        <v>4354</v>
      </c>
    </row>
    <row r="7167" spans="1:3" ht="24">
      <c r="A7167" s="13">
        <v>7165</v>
      </c>
      <c r="B7167" s="53" t="s">
        <v>3989</v>
      </c>
      <c r="C7167" s="12" t="s">
        <v>4354</v>
      </c>
    </row>
    <row r="7168" spans="1:3" ht="24">
      <c r="A7168" s="13">
        <v>7166</v>
      </c>
      <c r="B7168" s="53" t="s">
        <v>3990</v>
      </c>
      <c r="C7168" s="12" t="s">
        <v>4354</v>
      </c>
    </row>
    <row r="7169" spans="1:3" ht="24">
      <c r="A7169" s="10">
        <v>7167</v>
      </c>
      <c r="B7169" s="53" t="s">
        <v>3991</v>
      </c>
      <c r="C7169" s="12" t="s">
        <v>4354</v>
      </c>
    </row>
    <row r="7170" spans="1:3" ht="24">
      <c r="A7170" s="13">
        <v>7168</v>
      </c>
      <c r="B7170" s="53" t="s">
        <v>1210</v>
      </c>
      <c r="C7170" s="12" t="s">
        <v>4354</v>
      </c>
    </row>
  </sheetData>
  <pageMargins left="0.7" right="0.7" top="0.75" bottom="0.75" header="0.3" footer="0.3"/>
  <pageSetup paperSize="9" orientation="portrait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>
  <dimension ref="A1:D144"/>
  <sheetViews>
    <sheetView workbookViewId="0">
      <selection activeCell="B151" sqref="B151"/>
    </sheetView>
  </sheetViews>
  <sheetFormatPr defaultRowHeight="15.75"/>
  <cols>
    <col min="1" max="1" width="4.5703125" style="7" customWidth="1"/>
    <col min="2" max="2" width="78.140625" style="9" customWidth="1"/>
    <col min="3" max="3" width="16.28515625" style="77" customWidth="1"/>
    <col min="4" max="4" width="36.85546875" style="7" customWidth="1"/>
  </cols>
  <sheetData>
    <row r="1" spans="1:4" ht="15.75" customHeight="1">
      <c r="A1" s="89" t="s">
        <v>0</v>
      </c>
      <c r="B1" s="92" t="s">
        <v>4927</v>
      </c>
      <c r="C1" s="93" t="s">
        <v>4928</v>
      </c>
      <c r="D1" s="89" t="s">
        <v>4929</v>
      </c>
    </row>
    <row r="2" spans="1:4" ht="15">
      <c r="A2" s="90"/>
      <c r="B2" s="92"/>
      <c r="C2" s="94"/>
      <c r="D2" s="90"/>
    </row>
    <row r="3" spans="1:4" ht="15">
      <c r="A3" s="91"/>
      <c r="B3" s="92"/>
      <c r="C3" s="94"/>
      <c r="D3" s="95"/>
    </row>
    <row r="4" spans="1:4">
      <c r="A4" s="5">
        <v>1</v>
      </c>
      <c r="B4" s="76" t="s">
        <v>4930</v>
      </c>
      <c r="C4" s="75">
        <v>1</v>
      </c>
      <c r="D4" s="72" t="s">
        <v>4931</v>
      </c>
    </row>
    <row r="5" spans="1:4">
      <c r="A5" s="5">
        <v>2</v>
      </c>
      <c r="B5" s="76" t="s">
        <v>4932</v>
      </c>
      <c r="C5" s="75">
        <v>1.1000000000000001</v>
      </c>
      <c r="D5" s="72" t="s">
        <v>4931</v>
      </c>
    </row>
    <row r="6" spans="1:4">
      <c r="A6" s="5">
        <v>3</v>
      </c>
      <c r="B6" s="76" t="s">
        <v>4933</v>
      </c>
      <c r="C6" s="75">
        <v>1.3</v>
      </c>
      <c r="D6" s="72" t="s">
        <v>4931</v>
      </c>
    </row>
    <row r="7" spans="1:4">
      <c r="A7" s="5">
        <v>4</v>
      </c>
      <c r="B7" s="76" t="s">
        <v>4934</v>
      </c>
      <c r="C7" s="75">
        <v>0.1</v>
      </c>
      <c r="D7" s="72" t="s">
        <v>4931</v>
      </c>
    </row>
    <row r="8" spans="1:4">
      <c r="A8" s="5">
        <v>5</v>
      </c>
      <c r="B8" s="76" t="s">
        <v>4935</v>
      </c>
      <c r="C8" s="75">
        <v>0.6</v>
      </c>
      <c r="D8" s="72" t="s">
        <v>4931</v>
      </c>
    </row>
    <row r="9" spans="1:4">
      <c r="A9" s="5">
        <v>6</v>
      </c>
      <c r="B9" s="76" t="s">
        <v>4936</v>
      </c>
      <c r="C9" s="75">
        <v>1</v>
      </c>
      <c r="D9" s="72" t="s">
        <v>4931</v>
      </c>
    </row>
    <row r="10" spans="1:4">
      <c r="A10" s="5">
        <v>7</v>
      </c>
      <c r="B10" s="76" t="s">
        <v>4937</v>
      </c>
      <c r="C10" s="75">
        <v>1</v>
      </c>
      <c r="D10" s="72" t="s">
        <v>4938</v>
      </c>
    </row>
    <row r="11" spans="1:4">
      <c r="A11" s="5">
        <v>8</v>
      </c>
      <c r="B11" s="76" t="s">
        <v>4939</v>
      </c>
      <c r="C11" s="75">
        <v>1.3</v>
      </c>
      <c r="D11" s="72" t="s">
        <v>4931</v>
      </c>
    </row>
    <row r="12" spans="1:4">
      <c r="A12" s="5">
        <v>9</v>
      </c>
      <c r="B12" s="76" t="s">
        <v>4940</v>
      </c>
      <c r="C12" s="75">
        <v>4</v>
      </c>
      <c r="D12" s="72" t="s">
        <v>4931</v>
      </c>
    </row>
    <row r="13" spans="1:4">
      <c r="A13" s="5">
        <v>10</v>
      </c>
      <c r="B13" s="76" t="s">
        <v>4941</v>
      </c>
      <c r="C13" s="75">
        <v>1.8</v>
      </c>
      <c r="D13" s="72" t="s">
        <v>4931</v>
      </c>
    </row>
    <row r="14" spans="1:4">
      <c r="A14" s="5">
        <v>11</v>
      </c>
      <c r="B14" s="76" t="s">
        <v>4942</v>
      </c>
      <c r="C14" s="75">
        <v>1.3</v>
      </c>
      <c r="D14" s="72" t="s">
        <v>4931</v>
      </c>
    </row>
    <row r="15" spans="1:4">
      <c r="A15" s="5">
        <v>12</v>
      </c>
      <c r="B15" s="76" t="s">
        <v>4943</v>
      </c>
      <c r="C15" s="75">
        <v>1.6</v>
      </c>
      <c r="D15" s="72" t="s">
        <v>4931</v>
      </c>
    </row>
    <row r="16" spans="1:4">
      <c r="A16" s="5">
        <v>13</v>
      </c>
      <c r="B16" s="76" t="s">
        <v>4944</v>
      </c>
      <c r="C16" s="78">
        <v>1.7629999999999999</v>
      </c>
      <c r="D16" s="72" t="s">
        <v>4945</v>
      </c>
    </row>
    <row r="17" spans="1:4">
      <c r="A17" s="5">
        <v>14</v>
      </c>
      <c r="B17" s="76" t="s">
        <v>4946</v>
      </c>
      <c r="C17" s="75">
        <v>2</v>
      </c>
      <c r="D17" s="72" t="s">
        <v>4931</v>
      </c>
    </row>
    <row r="18" spans="1:4">
      <c r="A18" s="5">
        <v>15</v>
      </c>
      <c r="B18" s="76" t="s">
        <v>4947</v>
      </c>
      <c r="C18" s="75">
        <v>0.4</v>
      </c>
      <c r="D18" s="72" t="s">
        <v>4931</v>
      </c>
    </row>
    <row r="19" spans="1:4">
      <c r="A19" s="5">
        <v>16</v>
      </c>
      <c r="B19" s="76" t="s">
        <v>4948</v>
      </c>
      <c r="C19" s="75">
        <v>1</v>
      </c>
      <c r="D19" s="72" t="s">
        <v>4931</v>
      </c>
    </row>
    <row r="20" spans="1:4">
      <c r="A20" s="5">
        <v>17</v>
      </c>
      <c r="B20" s="76" t="s">
        <v>4949</v>
      </c>
      <c r="C20" s="75">
        <v>0.8</v>
      </c>
      <c r="D20" s="72" t="s">
        <v>4931</v>
      </c>
    </row>
    <row r="21" spans="1:4">
      <c r="A21" s="5">
        <v>18</v>
      </c>
      <c r="B21" s="76" t="s">
        <v>4950</v>
      </c>
      <c r="C21" s="75">
        <v>1</v>
      </c>
      <c r="D21" s="72" t="s">
        <v>4931</v>
      </c>
    </row>
    <row r="22" spans="1:4">
      <c r="A22" s="5">
        <v>19</v>
      </c>
      <c r="B22" s="76" t="s">
        <v>4951</v>
      </c>
      <c r="C22" s="73">
        <v>0.6</v>
      </c>
      <c r="D22" s="72" t="s">
        <v>4931</v>
      </c>
    </row>
    <row r="23" spans="1:4">
      <c r="A23" s="5">
        <v>20</v>
      </c>
      <c r="B23" s="76" t="s">
        <v>4952</v>
      </c>
      <c r="C23" s="73">
        <v>1</v>
      </c>
      <c r="D23" s="72" t="s">
        <v>4931</v>
      </c>
    </row>
    <row r="24" spans="1:4">
      <c r="A24" s="5">
        <v>21</v>
      </c>
      <c r="B24" s="76" t="s">
        <v>4953</v>
      </c>
      <c r="C24" s="73">
        <v>0.48</v>
      </c>
      <c r="D24" s="72" t="s">
        <v>4931</v>
      </c>
    </row>
    <row r="25" spans="1:4">
      <c r="A25" s="5">
        <v>22</v>
      </c>
      <c r="B25" s="76" t="s">
        <v>4954</v>
      </c>
      <c r="C25" s="75">
        <v>2.2999999999999998</v>
      </c>
      <c r="D25" s="72" t="s">
        <v>4931</v>
      </c>
    </row>
    <row r="26" spans="1:4">
      <c r="A26" s="5">
        <v>23</v>
      </c>
      <c r="B26" s="76" t="s">
        <v>4955</v>
      </c>
      <c r="C26" s="75">
        <v>1.6</v>
      </c>
      <c r="D26" s="72" t="s">
        <v>4931</v>
      </c>
    </row>
    <row r="27" spans="1:4">
      <c r="A27" s="5">
        <v>24</v>
      </c>
      <c r="B27" s="76" t="s">
        <v>4956</v>
      </c>
      <c r="C27" s="75">
        <v>0.3</v>
      </c>
      <c r="D27" s="72" t="s">
        <v>4931</v>
      </c>
    </row>
    <row r="28" spans="1:4">
      <c r="A28" s="5">
        <v>25</v>
      </c>
      <c r="B28" s="76" t="s">
        <v>4957</v>
      </c>
      <c r="C28" s="75">
        <v>0.5</v>
      </c>
      <c r="D28" s="72" t="s">
        <v>4931</v>
      </c>
    </row>
    <row r="29" spans="1:4" ht="31.5">
      <c r="A29" s="5">
        <v>26</v>
      </c>
      <c r="B29" s="76" t="s">
        <v>4958</v>
      </c>
      <c r="C29" s="75">
        <v>1.5</v>
      </c>
      <c r="D29" s="72" t="s">
        <v>4931</v>
      </c>
    </row>
    <row r="30" spans="1:4">
      <c r="A30" s="5">
        <v>27</v>
      </c>
      <c r="B30" s="76" t="s">
        <v>4959</v>
      </c>
      <c r="C30" s="75">
        <v>1.2</v>
      </c>
      <c r="D30" s="72" t="s">
        <v>4931</v>
      </c>
    </row>
    <row r="31" spans="1:4">
      <c r="A31" s="5">
        <v>28</v>
      </c>
      <c r="B31" s="76" t="s">
        <v>4960</v>
      </c>
      <c r="C31" s="75">
        <v>0.2</v>
      </c>
      <c r="D31" s="72" t="s">
        <v>4931</v>
      </c>
    </row>
    <row r="32" spans="1:4">
      <c r="A32" s="5">
        <v>29</v>
      </c>
      <c r="B32" s="76" t="s">
        <v>4961</v>
      </c>
      <c r="C32" s="75">
        <v>0.2</v>
      </c>
      <c r="D32" s="72" t="s">
        <v>4931</v>
      </c>
    </row>
    <row r="33" spans="1:4">
      <c r="A33" s="5">
        <v>30</v>
      </c>
      <c r="B33" s="76" t="s">
        <v>4962</v>
      </c>
      <c r="C33" s="75">
        <v>0.4</v>
      </c>
      <c r="D33" s="72" t="s">
        <v>4931</v>
      </c>
    </row>
    <row r="34" spans="1:4">
      <c r="A34" s="5">
        <v>31</v>
      </c>
      <c r="B34" s="76" t="s">
        <v>4963</v>
      </c>
      <c r="C34" s="75">
        <v>1.3</v>
      </c>
      <c r="D34" s="72" t="s">
        <v>4931</v>
      </c>
    </row>
    <row r="35" spans="1:4">
      <c r="A35" s="5">
        <v>32</v>
      </c>
      <c r="B35" s="76" t="s">
        <v>4964</v>
      </c>
      <c r="C35" s="75">
        <v>0.4</v>
      </c>
      <c r="D35" s="72" t="s">
        <v>4931</v>
      </c>
    </row>
    <row r="36" spans="1:4">
      <c r="A36" s="5">
        <v>33</v>
      </c>
      <c r="B36" s="76" t="s">
        <v>4965</v>
      </c>
      <c r="C36" s="75">
        <v>2.8</v>
      </c>
      <c r="D36" s="72" t="s">
        <v>4931</v>
      </c>
    </row>
    <row r="37" spans="1:4">
      <c r="A37" s="5">
        <v>34</v>
      </c>
      <c r="B37" s="76" t="s">
        <v>4966</v>
      </c>
      <c r="C37" s="75">
        <v>2.2999999999999998</v>
      </c>
      <c r="D37" s="72" t="s">
        <v>4931</v>
      </c>
    </row>
    <row r="38" spans="1:4">
      <c r="A38" s="5">
        <v>35</v>
      </c>
      <c r="B38" s="76" t="s">
        <v>4967</v>
      </c>
      <c r="C38" s="75">
        <v>1</v>
      </c>
      <c r="D38" s="72" t="s">
        <v>4931</v>
      </c>
    </row>
    <row r="39" spans="1:4">
      <c r="A39" s="5">
        <v>36</v>
      </c>
      <c r="B39" s="76" t="s">
        <v>4968</v>
      </c>
      <c r="C39" s="75">
        <v>2.2000000000000002</v>
      </c>
      <c r="D39" s="72" t="s">
        <v>4931</v>
      </c>
    </row>
    <row r="40" spans="1:4">
      <c r="A40" s="5">
        <v>37</v>
      </c>
      <c r="B40" s="76" t="s">
        <v>4969</v>
      </c>
      <c r="C40" s="75">
        <v>0.2</v>
      </c>
      <c r="D40" s="72" t="s">
        <v>4931</v>
      </c>
    </row>
    <row r="41" spans="1:4">
      <c r="A41" s="5">
        <v>38</v>
      </c>
      <c r="B41" s="76" t="s">
        <v>4970</v>
      </c>
      <c r="C41" s="75">
        <v>0.1</v>
      </c>
      <c r="D41" s="72" t="s">
        <v>4931</v>
      </c>
    </row>
    <row r="42" spans="1:4">
      <c r="A42" s="5">
        <v>39</v>
      </c>
      <c r="B42" s="76" t="s">
        <v>4971</v>
      </c>
      <c r="C42" s="75">
        <v>0.2</v>
      </c>
      <c r="D42" s="72" t="s">
        <v>4931</v>
      </c>
    </row>
    <row r="43" spans="1:4">
      <c r="A43" s="5">
        <v>40</v>
      </c>
      <c r="B43" s="76" t="s">
        <v>4972</v>
      </c>
      <c r="C43" s="75">
        <v>1</v>
      </c>
      <c r="D43" s="72" t="s">
        <v>4931</v>
      </c>
    </row>
    <row r="44" spans="1:4">
      <c r="A44" s="5">
        <v>41</v>
      </c>
      <c r="B44" s="76" t="s">
        <v>4973</v>
      </c>
      <c r="C44" s="75">
        <v>2.2000000000000002</v>
      </c>
      <c r="D44" s="72" t="s">
        <v>4931</v>
      </c>
    </row>
    <row r="45" spans="1:4">
      <c r="A45" s="5">
        <v>42</v>
      </c>
      <c r="B45" s="76" t="s">
        <v>4974</v>
      </c>
      <c r="C45" s="75">
        <v>0.5</v>
      </c>
      <c r="D45" s="72" t="s">
        <v>4931</v>
      </c>
    </row>
    <row r="46" spans="1:4">
      <c r="A46" s="5">
        <v>43</v>
      </c>
      <c r="B46" s="76" t="s">
        <v>4975</v>
      </c>
      <c r="C46" s="75">
        <v>0.3</v>
      </c>
      <c r="D46" s="72" t="s">
        <v>4931</v>
      </c>
    </row>
    <row r="47" spans="1:4">
      <c r="A47" s="5">
        <v>44</v>
      </c>
      <c r="B47" s="76" t="s">
        <v>4976</v>
      </c>
      <c r="C47" s="75">
        <v>1.4</v>
      </c>
      <c r="D47" s="72" t="s">
        <v>4931</v>
      </c>
    </row>
    <row r="48" spans="1:4">
      <c r="A48" s="5">
        <v>45</v>
      </c>
      <c r="B48" s="76" t="s">
        <v>4977</v>
      </c>
      <c r="C48" s="75">
        <v>1</v>
      </c>
      <c r="D48" s="72" t="s">
        <v>4931</v>
      </c>
    </row>
    <row r="49" spans="1:4">
      <c r="A49" s="5">
        <v>46</v>
      </c>
      <c r="B49" s="76" t="s">
        <v>4978</v>
      </c>
      <c r="C49" s="75">
        <v>0.5</v>
      </c>
      <c r="D49" s="72" t="s">
        <v>4931</v>
      </c>
    </row>
    <row r="50" spans="1:4">
      <c r="A50" s="5">
        <v>47</v>
      </c>
      <c r="B50" s="76" t="s">
        <v>4979</v>
      </c>
      <c r="C50" s="75">
        <v>0.4</v>
      </c>
      <c r="D50" s="72" t="s">
        <v>4931</v>
      </c>
    </row>
    <row r="51" spans="1:4">
      <c r="A51" s="5">
        <v>48</v>
      </c>
      <c r="B51" s="76" t="s">
        <v>4980</v>
      </c>
      <c r="C51" s="75">
        <v>1.2</v>
      </c>
      <c r="D51" s="72" t="s">
        <v>4931</v>
      </c>
    </row>
    <row r="52" spans="1:4">
      <c r="A52" s="5">
        <v>49</v>
      </c>
      <c r="B52" s="76" t="s">
        <v>4981</v>
      </c>
      <c r="C52" s="75">
        <v>1</v>
      </c>
      <c r="D52" s="72" t="s">
        <v>4931</v>
      </c>
    </row>
    <row r="53" spans="1:4">
      <c r="A53" s="5">
        <v>50</v>
      </c>
      <c r="B53" s="76" t="s">
        <v>4982</v>
      </c>
      <c r="C53" s="75">
        <v>1</v>
      </c>
      <c r="D53" s="72" t="s">
        <v>4931</v>
      </c>
    </row>
    <row r="54" spans="1:4">
      <c r="A54" s="5">
        <v>51</v>
      </c>
      <c r="B54" s="76" t="s">
        <v>4983</v>
      </c>
      <c r="C54" s="75">
        <v>0.7</v>
      </c>
      <c r="D54" s="72" t="s">
        <v>4931</v>
      </c>
    </row>
    <row r="55" spans="1:4">
      <c r="A55" s="5">
        <v>52</v>
      </c>
      <c r="B55" s="76" t="s">
        <v>4984</v>
      </c>
      <c r="C55" s="75">
        <v>1</v>
      </c>
      <c r="D55" s="72" t="s">
        <v>4931</v>
      </c>
    </row>
    <row r="56" spans="1:4">
      <c r="A56" s="5">
        <v>53</v>
      </c>
      <c r="B56" s="76" t="s">
        <v>4985</v>
      </c>
      <c r="C56" s="75">
        <v>1.7</v>
      </c>
      <c r="D56" s="72" t="s">
        <v>4931</v>
      </c>
    </row>
    <row r="57" spans="1:4">
      <c r="A57" s="5">
        <v>54</v>
      </c>
      <c r="B57" s="76" t="s">
        <v>4986</v>
      </c>
      <c r="C57" s="75">
        <v>1</v>
      </c>
      <c r="D57" s="72" t="s">
        <v>4931</v>
      </c>
    </row>
    <row r="58" spans="1:4">
      <c r="A58" s="5">
        <v>55</v>
      </c>
      <c r="B58" s="76" t="s">
        <v>4987</v>
      </c>
      <c r="C58" s="75">
        <v>0.2</v>
      </c>
      <c r="D58" s="72" t="s">
        <v>4931</v>
      </c>
    </row>
    <row r="59" spans="1:4">
      <c r="A59" s="5">
        <v>56</v>
      </c>
      <c r="B59" s="74" t="s">
        <v>4988</v>
      </c>
      <c r="C59" s="75">
        <v>0.5</v>
      </c>
      <c r="D59" s="72" t="s">
        <v>4931</v>
      </c>
    </row>
    <row r="60" spans="1:4">
      <c r="A60" s="5">
        <v>57</v>
      </c>
      <c r="B60" s="74" t="s">
        <v>4989</v>
      </c>
      <c r="C60" s="75">
        <v>1</v>
      </c>
      <c r="D60" s="72" t="s">
        <v>4931</v>
      </c>
    </row>
    <row r="61" spans="1:4">
      <c r="A61" s="5">
        <v>58</v>
      </c>
      <c r="B61" s="74" t="s">
        <v>4990</v>
      </c>
      <c r="C61" s="75">
        <v>2.2000000000000002</v>
      </c>
      <c r="D61" s="72" t="s">
        <v>4931</v>
      </c>
    </row>
    <row r="62" spans="1:4">
      <c r="A62" s="5">
        <v>59</v>
      </c>
      <c r="B62" s="74" t="s">
        <v>4991</v>
      </c>
      <c r="C62" s="73">
        <v>6.7</v>
      </c>
      <c r="D62" s="72" t="s">
        <v>4992</v>
      </c>
    </row>
    <row r="63" spans="1:4">
      <c r="A63" s="5">
        <v>60</v>
      </c>
      <c r="B63" s="74" t="s">
        <v>4993</v>
      </c>
      <c r="C63" s="75">
        <v>1</v>
      </c>
      <c r="D63" s="72" t="s">
        <v>4945</v>
      </c>
    </row>
    <row r="64" spans="1:4">
      <c r="A64" s="5">
        <v>61</v>
      </c>
      <c r="B64" s="74" t="s">
        <v>4994</v>
      </c>
      <c r="C64" s="75">
        <v>1</v>
      </c>
      <c r="D64" s="72" t="s">
        <v>4931</v>
      </c>
    </row>
    <row r="65" spans="1:4">
      <c r="A65" s="5">
        <v>62</v>
      </c>
      <c r="B65" s="76" t="s">
        <v>4995</v>
      </c>
      <c r="C65" s="75">
        <v>0.4</v>
      </c>
      <c r="D65" s="72" t="s">
        <v>4931</v>
      </c>
    </row>
    <row r="66" spans="1:4">
      <c r="A66" s="5">
        <v>63</v>
      </c>
      <c r="B66" s="76" t="s">
        <v>4996</v>
      </c>
      <c r="C66" s="75">
        <v>1</v>
      </c>
      <c r="D66" s="72" t="s">
        <v>4931</v>
      </c>
    </row>
    <row r="67" spans="1:4">
      <c r="A67" s="5">
        <v>64</v>
      </c>
      <c r="B67" s="76" t="s">
        <v>4997</v>
      </c>
      <c r="C67" s="75">
        <v>0.7</v>
      </c>
      <c r="D67" s="72" t="s">
        <v>4998</v>
      </c>
    </row>
    <row r="68" spans="1:4">
      <c r="A68" s="5">
        <v>65</v>
      </c>
      <c r="B68" s="76" t="s">
        <v>4999</v>
      </c>
      <c r="C68" s="75">
        <v>1.3</v>
      </c>
      <c r="D68" s="72" t="s">
        <v>4931</v>
      </c>
    </row>
    <row r="69" spans="1:4">
      <c r="A69" s="5">
        <v>66</v>
      </c>
      <c r="B69" s="76" t="s">
        <v>5000</v>
      </c>
      <c r="C69" s="75">
        <v>0.2</v>
      </c>
      <c r="D69" s="72" t="s">
        <v>4931</v>
      </c>
    </row>
    <row r="70" spans="1:4">
      <c r="A70" s="5">
        <v>67</v>
      </c>
      <c r="B70" s="76" t="s">
        <v>5001</v>
      </c>
      <c r="C70" s="75">
        <v>0.5</v>
      </c>
      <c r="D70" s="72" t="s">
        <v>4931</v>
      </c>
    </row>
    <row r="71" spans="1:4">
      <c r="A71" s="5">
        <v>68</v>
      </c>
      <c r="B71" s="76" t="s">
        <v>5002</v>
      </c>
      <c r="C71" s="75">
        <v>1.4</v>
      </c>
      <c r="D71" s="72" t="s">
        <v>4931</v>
      </c>
    </row>
    <row r="72" spans="1:4">
      <c r="A72" s="5">
        <v>69</v>
      </c>
      <c r="B72" s="76" t="s">
        <v>5003</v>
      </c>
      <c r="C72" s="75">
        <v>1.7</v>
      </c>
      <c r="D72" s="72" t="s">
        <v>4931</v>
      </c>
    </row>
    <row r="73" spans="1:4">
      <c r="A73" s="5">
        <v>70</v>
      </c>
      <c r="B73" s="76" t="s">
        <v>5004</v>
      </c>
      <c r="C73" s="75">
        <v>0.7</v>
      </c>
      <c r="D73" s="72" t="s">
        <v>4931</v>
      </c>
    </row>
    <row r="74" spans="1:4">
      <c r="A74" s="5">
        <v>71</v>
      </c>
      <c r="B74" s="76" t="s">
        <v>5005</v>
      </c>
      <c r="C74" s="75">
        <v>2.2000000000000002</v>
      </c>
      <c r="D74" s="72" t="s">
        <v>4931</v>
      </c>
    </row>
    <row r="75" spans="1:4">
      <c r="A75" s="5">
        <v>72</v>
      </c>
      <c r="B75" s="76" t="s">
        <v>5006</v>
      </c>
      <c r="C75" s="75">
        <v>1</v>
      </c>
      <c r="D75" s="72" t="s">
        <v>4931</v>
      </c>
    </row>
    <row r="76" spans="1:4">
      <c r="A76" s="5">
        <v>73</v>
      </c>
      <c r="B76" s="76" t="s">
        <v>5007</v>
      </c>
      <c r="C76" s="75">
        <v>0.1</v>
      </c>
      <c r="D76" s="72" t="s">
        <v>4931</v>
      </c>
    </row>
    <row r="77" spans="1:4">
      <c r="A77" s="5">
        <v>74</v>
      </c>
      <c r="B77" s="76" t="s">
        <v>5008</v>
      </c>
      <c r="C77" s="75">
        <v>0.5</v>
      </c>
      <c r="D77" s="72" t="s">
        <v>4931</v>
      </c>
    </row>
    <row r="78" spans="1:4">
      <c r="A78" s="5">
        <v>75</v>
      </c>
      <c r="B78" s="76" t="s">
        <v>5009</v>
      </c>
      <c r="C78" s="75">
        <v>2.7</v>
      </c>
      <c r="D78" s="72" t="s">
        <v>4931</v>
      </c>
    </row>
    <row r="79" spans="1:4">
      <c r="A79" s="5">
        <v>76</v>
      </c>
      <c r="B79" s="76" t="s">
        <v>5010</v>
      </c>
      <c r="C79" s="75">
        <v>2.4</v>
      </c>
      <c r="D79" s="72" t="s">
        <v>4931</v>
      </c>
    </row>
    <row r="80" spans="1:4">
      <c r="A80" s="5">
        <v>77</v>
      </c>
      <c r="B80" s="76" t="s">
        <v>5011</v>
      </c>
      <c r="C80" s="73">
        <v>1.5</v>
      </c>
      <c r="D80" s="72" t="s">
        <v>4931</v>
      </c>
    </row>
    <row r="81" spans="1:4">
      <c r="A81" s="5">
        <v>78</v>
      </c>
      <c r="B81" s="76" t="s">
        <v>5012</v>
      </c>
      <c r="C81" s="73">
        <v>0.4</v>
      </c>
      <c r="D81" s="72" t="s">
        <v>4931</v>
      </c>
    </row>
    <row r="82" spans="1:4">
      <c r="A82" s="5">
        <v>79</v>
      </c>
      <c r="B82" s="71" t="s">
        <v>5013</v>
      </c>
      <c r="C82" s="73">
        <v>1</v>
      </c>
      <c r="D82" s="72" t="s">
        <v>4931</v>
      </c>
    </row>
    <row r="83" spans="1:4">
      <c r="A83" s="5">
        <v>80</v>
      </c>
      <c r="B83" s="1" t="s">
        <v>5014</v>
      </c>
      <c r="C83" s="73">
        <v>0.8</v>
      </c>
      <c r="D83" s="72" t="s">
        <v>4931</v>
      </c>
    </row>
    <row r="84" spans="1:4">
      <c r="A84" s="5">
        <v>81</v>
      </c>
      <c r="B84" s="71" t="s">
        <v>5015</v>
      </c>
      <c r="C84" s="73">
        <v>0.8</v>
      </c>
      <c r="D84" s="72" t="s">
        <v>4931</v>
      </c>
    </row>
    <row r="85" spans="1:4">
      <c r="A85" s="5">
        <v>82</v>
      </c>
      <c r="B85" s="71" t="s">
        <v>5016</v>
      </c>
      <c r="C85" s="73">
        <v>0.3</v>
      </c>
      <c r="D85" s="72" t="s">
        <v>4931</v>
      </c>
    </row>
    <row r="86" spans="1:4">
      <c r="A86" s="5">
        <v>83</v>
      </c>
      <c r="B86" s="71" t="s">
        <v>5017</v>
      </c>
      <c r="C86" s="73">
        <v>2.5</v>
      </c>
      <c r="D86" s="72" t="s">
        <v>4931</v>
      </c>
    </row>
    <row r="87" spans="1:4">
      <c r="A87" s="5">
        <v>84</v>
      </c>
      <c r="B87" s="74" t="s">
        <v>5018</v>
      </c>
      <c r="C87" s="73">
        <v>0.5</v>
      </c>
      <c r="D87" s="72" t="s">
        <v>4931</v>
      </c>
    </row>
    <row r="88" spans="1:4">
      <c r="A88" s="5">
        <v>85</v>
      </c>
      <c r="B88" s="74" t="s">
        <v>5019</v>
      </c>
      <c r="C88" s="73">
        <v>1.5</v>
      </c>
      <c r="D88" s="72" t="s">
        <v>4931</v>
      </c>
    </row>
    <row r="89" spans="1:4">
      <c r="A89" s="5">
        <v>86</v>
      </c>
      <c r="B89" s="74" t="s">
        <v>5020</v>
      </c>
      <c r="C89" s="73">
        <v>2.2000000000000002</v>
      </c>
      <c r="D89" s="72" t="s">
        <v>4931</v>
      </c>
    </row>
    <row r="90" spans="1:4">
      <c r="A90" s="5">
        <v>87</v>
      </c>
      <c r="B90" s="74" t="s">
        <v>5021</v>
      </c>
      <c r="C90" s="73">
        <v>0.2</v>
      </c>
      <c r="D90" s="72" t="s">
        <v>4931</v>
      </c>
    </row>
    <row r="91" spans="1:4">
      <c r="A91" s="5">
        <v>88</v>
      </c>
      <c r="B91" s="74" t="s">
        <v>5022</v>
      </c>
      <c r="C91" s="73">
        <v>2.7</v>
      </c>
      <c r="D91" s="72" t="s">
        <v>4998</v>
      </c>
    </row>
    <row r="92" spans="1:4">
      <c r="A92" s="5">
        <v>89</v>
      </c>
      <c r="B92" s="76" t="s">
        <v>5023</v>
      </c>
      <c r="C92" s="73">
        <v>1</v>
      </c>
      <c r="D92" s="72" t="s">
        <v>4931</v>
      </c>
    </row>
    <row r="93" spans="1:4">
      <c r="A93" s="5">
        <v>90</v>
      </c>
      <c r="B93" s="74" t="s">
        <v>5024</v>
      </c>
      <c r="C93" s="73">
        <v>1.5</v>
      </c>
      <c r="D93" s="72" t="s">
        <v>4931</v>
      </c>
    </row>
    <row r="94" spans="1:4">
      <c r="A94" s="5">
        <v>91</v>
      </c>
      <c r="B94" s="76" t="s">
        <v>5025</v>
      </c>
      <c r="C94" s="73">
        <v>1</v>
      </c>
      <c r="D94" s="72" t="s">
        <v>4931</v>
      </c>
    </row>
    <row r="95" spans="1:4">
      <c r="A95" s="5">
        <v>92</v>
      </c>
      <c r="B95" s="74" t="s">
        <v>5026</v>
      </c>
      <c r="C95" s="73">
        <v>1.5</v>
      </c>
      <c r="D95" s="72" t="s">
        <v>4931</v>
      </c>
    </row>
    <row r="96" spans="1:4">
      <c r="A96" s="5">
        <v>93</v>
      </c>
      <c r="B96" s="74" t="s">
        <v>5027</v>
      </c>
      <c r="C96" s="73">
        <v>1.5</v>
      </c>
      <c r="D96" s="72" t="s">
        <v>4931</v>
      </c>
    </row>
    <row r="97" spans="1:4">
      <c r="A97" s="5">
        <v>94</v>
      </c>
      <c r="B97" s="74" t="s">
        <v>5028</v>
      </c>
      <c r="C97" s="73">
        <v>0.6</v>
      </c>
      <c r="D97" s="72" t="s">
        <v>4998</v>
      </c>
    </row>
    <row r="98" spans="1:4">
      <c r="A98" s="5">
        <v>95</v>
      </c>
      <c r="B98" s="74" t="s">
        <v>5029</v>
      </c>
      <c r="C98" s="75">
        <v>2.1</v>
      </c>
      <c r="D98" s="72" t="s">
        <v>4931</v>
      </c>
    </row>
    <row r="99" spans="1:4" ht="31.5">
      <c r="A99" s="5">
        <v>96</v>
      </c>
      <c r="B99" s="76" t="s">
        <v>5030</v>
      </c>
      <c r="C99" s="75">
        <v>1.5</v>
      </c>
      <c r="D99" s="72" t="s">
        <v>4931</v>
      </c>
    </row>
    <row r="100" spans="1:4">
      <c r="A100" s="5">
        <v>97</v>
      </c>
      <c r="B100" s="74" t="s">
        <v>5031</v>
      </c>
      <c r="C100" s="75">
        <v>1.5</v>
      </c>
      <c r="D100" s="72" t="s">
        <v>4931</v>
      </c>
    </row>
    <row r="101" spans="1:4" ht="31.5" customHeight="1">
      <c r="A101" s="5">
        <v>98</v>
      </c>
      <c r="B101" s="76" t="s">
        <v>5032</v>
      </c>
      <c r="C101" s="75">
        <v>1.1000000000000001</v>
      </c>
      <c r="D101" s="72" t="s">
        <v>4945</v>
      </c>
    </row>
    <row r="102" spans="1:4">
      <c r="A102" s="5">
        <v>99</v>
      </c>
      <c r="B102" s="74" t="s">
        <v>5033</v>
      </c>
      <c r="C102" s="75">
        <v>1</v>
      </c>
      <c r="D102" s="72" t="s">
        <v>4992</v>
      </c>
    </row>
    <row r="103" spans="1:4">
      <c r="A103" s="5">
        <v>100</v>
      </c>
      <c r="B103" s="76" t="s">
        <v>5034</v>
      </c>
      <c r="C103" s="75">
        <v>2</v>
      </c>
      <c r="D103" s="72" t="s">
        <v>4931</v>
      </c>
    </row>
    <row r="104" spans="1:4">
      <c r="A104" s="5">
        <v>101</v>
      </c>
      <c r="B104" s="74" t="s">
        <v>5035</v>
      </c>
      <c r="C104" s="75">
        <v>2.1</v>
      </c>
      <c r="D104" s="72" t="s">
        <v>4931</v>
      </c>
    </row>
    <row r="105" spans="1:4">
      <c r="A105" s="5">
        <v>102</v>
      </c>
      <c r="B105" s="74" t="s">
        <v>5036</v>
      </c>
      <c r="C105" s="75">
        <v>1</v>
      </c>
      <c r="D105" s="72" t="s">
        <v>4931</v>
      </c>
    </row>
    <row r="106" spans="1:4">
      <c r="A106" s="5">
        <v>103</v>
      </c>
      <c r="B106" s="74" t="s">
        <v>5037</v>
      </c>
      <c r="C106" s="75">
        <v>3</v>
      </c>
      <c r="D106" s="72" t="s">
        <v>4931</v>
      </c>
    </row>
    <row r="107" spans="1:4">
      <c r="A107" s="5">
        <v>104</v>
      </c>
      <c r="B107" s="76" t="s">
        <v>5038</v>
      </c>
      <c r="C107" s="75">
        <v>1.6</v>
      </c>
      <c r="D107" s="72" t="s">
        <v>4931</v>
      </c>
    </row>
    <row r="108" spans="1:4">
      <c r="A108" s="5">
        <v>105</v>
      </c>
      <c r="B108" s="76" t="s">
        <v>5039</v>
      </c>
      <c r="C108" s="75">
        <v>3.3</v>
      </c>
      <c r="D108" s="72" t="s">
        <v>4931</v>
      </c>
    </row>
    <row r="109" spans="1:4">
      <c r="A109" s="5">
        <v>106</v>
      </c>
      <c r="B109" s="74" t="s">
        <v>5040</v>
      </c>
      <c r="C109" s="75">
        <v>3.8</v>
      </c>
      <c r="D109" s="72" t="s">
        <v>4931</v>
      </c>
    </row>
    <row r="110" spans="1:4">
      <c r="A110" s="5">
        <v>107</v>
      </c>
      <c r="B110" s="74" t="s">
        <v>5041</v>
      </c>
      <c r="C110" s="75">
        <v>4</v>
      </c>
      <c r="D110" s="72" t="s">
        <v>4931</v>
      </c>
    </row>
    <row r="111" spans="1:4">
      <c r="A111" s="5">
        <v>108</v>
      </c>
      <c r="B111" s="74" t="s">
        <v>5042</v>
      </c>
      <c r="C111" s="75">
        <v>4.2</v>
      </c>
      <c r="D111" s="72" t="s">
        <v>4931</v>
      </c>
    </row>
    <row r="112" spans="1:4">
      <c r="A112" s="5">
        <v>109</v>
      </c>
      <c r="B112" s="74" t="s">
        <v>5043</v>
      </c>
      <c r="C112" s="75">
        <v>2</v>
      </c>
      <c r="D112" s="72" t="s">
        <v>4931</v>
      </c>
    </row>
    <row r="113" spans="1:4">
      <c r="A113" s="5">
        <v>110</v>
      </c>
      <c r="B113" s="74" t="s">
        <v>5044</v>
      </c>
      <c r="C113" s="75">
        <v>4</v>
      </c>
      <c r="D113" s="72" t="s">
        <v>4931</v>
      </c>
    </row>
    <row r="114" spans="1:4">
      <c r="A114" s="5">
        <v>111</v>
      </c>
      <c r="B114" s="76" t="s">
        <v>5045</v>
      </c>
      <c r="C114" s="75">
        <v>2</v>
      </c>
      <c r="D114" s="72" t="s">
        <v>4931</v>
      </c>
    </row>
    <row r="115" spans="1:4">
      <c r="A115" s="5">
        <v>112</v>
      </c>
      <c r="B115" s="74" t="s">
        <v>5046</v>
      </c>
      <c r="C115" s="75">
        <v>1.7</v>
      </c>
      <c r="D115" s="72" t="s">
        <v>4931</v>
      </c>
    </row>
    <row r="116" spans="1:4">
      <c r="A116" s="5">
        <v>113</v>
      </c>
      <c r="B116" s="74" t="s">
        <v>5047</v>
      </c>
      <c r="C116" s="75">
        <v>2</v>
      </c>
      <c r="D116" s="72" t="s">
        <v>4931</v>
      </c>
    </row>
    <row r="117" spans="1:4">
      <c r="A117" s="5">
        <v>114</v>
      </c>
      <c r="B117" s="74" t="s">
        <v>5048</v>
      </c>
      <c r="C117" s="75">
        <v>1.2</v>
      </c>
      <c r="D117" s="72" t="s">
        <v>4931</v>
      </c>
    </row>
    <row r="118" spans="1:4">
      <c r="A118" s="5">
        <v>115</v>
      </c>
      <c r="B118" s="74" t="s">
        <v>5049</v>
      </c>
      <c r="C118" s="75">
        <v>1.5</v>
      </c>
      <c r="D118" s="72" t="s">
        <v>4931</v>
      </c>
    </row>
    <row r="119" spans="1:4">
      <c r="A119" s="5">
        <v>116</v>
      </c>
      <c r="B119" s="74" t="s">
        <v>5050</v>
      </c>
      <c r="C119" s="75">
        <v>1.5</v>
      </c>
      <c r="D119" s="72" t="s">
        <v>4931</v>
      </c>
    </row>
    <row r="120" spans="1:4">
      <c r="A120" s="5">
        <v>117</v>
      </c>
      <c r="B120" s="74" t="s">
        <v>5051</v>
      </c>
      <c r="C120" s="75">
        <v>1.5</v>
      </c>
      <c r="D120" s="72" t="s">
        <v>4931</v>
      </c>
    </row>
    <row r="121" spans="1:4" ht="31.5">
      <c r="A121" s="5">
        <v>118</v>
      </c>
      <c r="B121" s="76" t="s">
        <v>5052</v>
      </c>
      <c r="C121" s="73">
        <v>1</v>
      </c>
      <c r="D121" s="72" t="s">
        <v>4931</v>
      </c>
    </row>
    <row r="122" spans="1:4">
      <c r="A122" s="5">
        <v>119</v>
      </c>
      <c r="B122" s="76" t="s">
        <v>5053</v>
      </c>
      <c r="C122" s="73">
        <v>0.3</v>
      </c>
      <c r="D122" s="72" t="s">
        <v>4931</v>
      </c>
    </row>
    <row r="123" spans="1:4">
      <c r="A123" s="5">
        <v>120</v>
      </c>
      <c r="B123" s="76" t="s">
        <v>5054</v>
      </c>
      <c r="C123" s="73">
        <v>0.8</v>
      </c>
      <c r="D123" s="72" t="s">
        <v>4931</v>
      </c>
    </row>
    <row r="124" spans="1:4">
      <c r="A124" s="5">
        <v>121</v>
      </c>
      <c r="B124" s="76" t="s">
        <v>5055</v>
      </c>
      <c r="C124" s="73">
        <v>1.9</v>
      </c>
      <c r="D124" s="72" t="s">
        <v>4931</v>
      </c>
    </row>
    <row r="125" spans="1:4">
      <c r="A125" s="5">
        <v>122</v>
      </c>
      <c r="B125" s="76" t="s">
        <v>5056</v>
      </c>
      <c r="C125" s="73">
        <v>0.9</v>
      </c>
      <c r="D125" s="72" t="s">
        <v>4931</v>
      </c>
    </row>
    <row r="126" spans="1:4">
      <c r="A126" s="5">
        <v>123</v>
      </c>
      <c r="B126" s="76" t="s">
        <v>5057</v>
      </c>
      <c r="C126" s="73">
        <v>0.2</v>
      </c>
      <c r="D126" s="72" t="s">
        <v>4931</v>
      </c>
    </row>
    <row r="127" spans="1:4">
      <c r="A127" s="5">
        <v>124</v>
      </c>
      <c r="B127" s="76" t="s">
        <v>5058</v>
      </c>
      <c r="C127" s="73">
        <v>0.2</v>
      </c>
      <c r="D127" s="72" t="s">
        <v>4931</v>
      </c>
    </row>
    <row r="128" spans="1:4">
      <c r="A128" s="5">
        <v>125</v>
      </c>
      <c r="B128" s="76" t="s">
        <v>5059</v>
      </c>
      <c r="C128" s="73">
        <v>0.5</v>
      </c>
      <c r="D128" s="72" t="s">
        <v>4931</v>
      </c>
    </row>
    <row r="129" spans="1:4">
      <c r="A129" s="5">
        <v>126</v>
      </c>
      <c r="B129" s="76" t="s">
        <v>5060</v>
      </c>
      <c r="C129" s="73">
        <v>0.2</v>
      </c>
      <c r="D129" s="72" t="s">
        <v>4931</v>
      </c>
    </row>
    <row r="130" spans="1:4">
      <c r="A130" s="5">
        <v>127</v>
      </c>
      <c r="B130" s="76" t="s">
        <v>5061</v>
      </c>
      <c r="C130" s="73">
        <v>1.4</v>
      </c>
      <c r="D130" s="72" t="s">
        <v>4931</v>
      </c>
    </row>
    <row r="131" spans="1:4">
      <c r="A131" s="5">
        <v>128</v>
      </c>
      <c r="B131" s="76" t="s">
        <v>5062</v>
      </c>
      <c r="C131" s="73">
        <v>1</v>
      </c>
      <c r="D131" s="72" t="s">
        <v>4931</v>
      </c>
    </row>
    <row r="132" spans="1:4">
      <c r="A132" s="5">
        <v>129</v>
      </c>
      <c r="B132" s="76" t="s">
        <v>5063</v>
      </c>
      <c r="C132" s="73">
        <v>4</v>
      </c>
      <c r="D132" s="72" t="s">
        <v>4931</v>
      </c>
    </row>
    <row r="133" spans="1:4">
      <c r="A133" s="5">
        <v>130</v>
      </c>
      <c r="B133" s="74" t="s">
        <v>5064</v>
      </c>
      <c r="C133" s="73">
        <v>4</v>
      </c>
      <c r="D133" s="72" t="s">
        <v>4931</v>
      </c>
    </row>
    <row r="134" spans="1:4">
      <c r="A134" s="5">
        <v>131</v>
      </c>
      <c r="B134" s="76" t="s">
        <v>5065</v>
      </c>
      <c r="C134" s="73">
        <v>0.5</v>
      </c>
      <c r="D134" s="72" t="s">
        <v>4931</v>
      </c>
    </row>
    <row r="135" spans="1:4">
      <c r="A135" s="5">
        <v>132</v>
      </c>
      <c r="B135" s="76" t="s">
        <v>5066</v>
      </c>
      <c r="C135" s="73">
        <v>1.4</v>
      </c>
      <c r="D135" s="4" t="s">
        <v>4931</v>
      </c>
    </row>
    <row r="136" spans="1:4">
      <c r="A136" s="5">
        <v>133</v>
      </c>
      <c r="B136" s="76" t="s">
        <v>5067</v>
      </c>
      <c r="C136" s="73">
        <v>1</v>
      </c>
      <c r="D136" s="4" t="s">
        <v>4931</v>
      </c>
    </row>
    <row r="137" spans="1:4">
      <c r="A137" s="5">
        <v>134</v>
      </c>
      <c r="B137" s="76" t="s">
        <v>5068</v>
      </c>
      <c r="C137" s="73">
        <v>1</v>
      </c>
      <c r="D137" s="4" t="s">
        <v>4931</v>
      </c>
    </row>
    <row r="138" spans="1:4">
      <c r="A138" s="5">
        <v>135</v>
      </c>
      <c r="B138" s="6" t="s">
        <v>5069</v>
      </c>
      <c r="C138" s="79">
        <v>0.77900000000000003</v>
      </c>
      <c r="D138" s="4" t="s">
        <v>5070</v>
      </c>
    </row>
    <row r="139" spans="1:4">
      <c r="A139" s="5">
        <v>136</v>
      </c>
      <c r="B139" s="76" t="s">
        <v>5071</v>
      </c>
      <c r="C139" s="75">
        <v>2</v>
      </c>
      <c r="D139" s="72" t="s">
        <v>4931</v>
      </c>
    </row>
    <row r="140" spans="1:4">
      <c r="A140" s="5">
        <v>137</v>
      </c>
      <c r="B140" s="76" t="s">
        <v>5072</v>
      </c>
      <c r="C140" s="75">
        <v>1.2</v>
      </c>
      <c r="D140" s="72" t="s">
        <v>4931</v>
      </c>
    </row>
    <row r="141" spans="1:4">
      <c r="A141" s="5">
        <v>138</v>
      </c>
      <c r="B141" s="76" t="s">
        <v>5073</v>
      </c>
      <c r="C141" s="75">
        <v>2.5</v>
      </c>
      <c r="D141" s="72" t="s">
        <v>4931</v>
      </c>
    </row>
    <row r="142" spans="1:4">
      <c r="A142" s="5">
        <v>139</v>
      </c>
      <c r="B142" s="76" t="s">
        <v>5074</v>
      </c>
      <c r="C142" s="75">
        <v>1.4</v>
      </c>
      <c r="D142" s="72" t="s">
        <v>4931</v>
      </c>
    </row>
    <row r="144" spans="1:4">
      <c r="B144" s="8"/>
    </row>
  </sheetData>
  <mergeCells count="4">
    <mergeCell ref="A1:A3"/>
    <mergeCell ref="B1:B3"/>
    <mergeCell ref="C1:C3"/>
    <mergeCell ref="D1:D3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3</vt:i4>
      </vt:variant>
    </vt:vector>
  </HeadingPairs>
  <TitlesOfParts>
    <vt:vector size="3" baseType="lpstr">
      <vt:lpstr>Недвижимое имущество</vt:lpstr>
      <vt:lpstr>Движимое имущество</vt:lpstr>
      <vt:lpstr>Дороги</vt:lpstr>
    </vt:vector>
  </TitlesOfParts>
  <Company>Reanimator Extreme Editio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ZOGD2</dc:creator>
  <cp:lastModifiedBy>IZOGD2</cp:lastModifiedBy>
  <dcterms:created xsi:type="dcterms:W3CDTF">2019-02-14T10:22:27Z</dcterms:created>
  <dcterms:modified xsi:type="dcterms:W3CDTF">2019-04-16T07:33:13Z</dcterms:modified>
</cp:coreProperties>
</file>